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heme/theme2.xml" ContentType="application/vnd.openxmlformats-officedocument.theme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theme/theme3.xml" ContentType="application/vnd.openxmlformats-officedocument.theme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4.xml" ContentType="application/vnd.openxmlformats-officedocument.theme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theme/theme5.xml" ContentType="application/vnd.openxmlformats-officedocument.theme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theme/theme6.xml" ContentType="application/vnd.openxmlformats-officedocument.theme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heme/theme7.xml" ContentType="application/vnd.openxmlformats-officedocument.theme+xml"/>
  <Override PartName="/ppt/theme/theme8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0"/>
    <p:sldMasterId id="2147483664" r:id="rId11"/>
    <p:sldMasterId id="2147483666" r:id="rId12"/>
    <p:sldMasterId id="2147483691" r:id="rId13"/>
    <p:sldMasterId id="2147483699" r:id="rId14"/>
    <p:sldMasterId id="2147483740" r:id="rId15"/>
  </p:sldMasterIdLst>
  <p:notesMasterIdLst>
    <p:notesMasterId r:id="rId23"/>
  </p:notesMasterIdLst>
  <p:handoutMasterIdLst>
    <p:handoutMasterId r:id="rId24"/>
  </p:handoutMasterIdLst>
  <p:sldIdLst>
    <p:sldId id="303" r:id="rId16"/>
    <p:sldId id="258" r:id="rId17"/>
    <p:sldId id="2147479875" r:id="rId18"/>
    <p:sldId id="2147479876" r:id="rId19"/>
    <p:sldId id="2147471286" r:id="rId20"/>
    <p:sldId id="2147479872" r:id="rId21"/>
    <p:sldId id="2147479856" r:id="rId22"/>
  </p:sldIdLst>
  <p:sldSz cx="9144000" cy="6858000" type="screen4x3"/>
  <p:notesSz cx="7010400" cy="9296400"/>
  <p:custDataLst>
    <p:tags r:id="rId25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33182C7-6432-4F92-B12F-2991B5023A27}" v="2" dt="2025-03-04T14:57:47.950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40" autoAdjust="0"/>
    <p:restoredTop sz="96520" autoAdjust="0"/>
  </p:normalViewPr>
  <p:slideViewPr>
    <p:cSldViewPr snapToGrid="0">
      <p:cViewPr varScale="1">
        <p:scale>
          <a:sx n="75" d="100"/>
          <a:sy n="75" d="100"/>
        </p:scale>
        <p:origin x="668" y="44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notesViewPr>
    <p:cSldViewPr>
      <p:cViewPr>
        <p:scale>
          <a:sx n="66" d="100"/>
          <a:sy n="66" d="100"/>
        </p:scale>
        <p:origin x="3078" y="78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Master" Target="slideMasters/slideMaster4.xml"/><Relationship Id="rId18" Type="http://schemas.openxmlformats.org/officeDocument/2006/relationships/slide" Target="slides/slide3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3.xml"/><Relationship Id="rId17" Type="http://schemas.openxmlformats.org/officeDocument/2006/relationships/slide" Target="slides/slide2.xml"/><Relationship Id="rId25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24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6.xml"/><Relationship Id="rId23" Type="http://schemas.openxmlformats.org/officeDocument/2006/relationships/notesMaster" Target="notesMasters/notesMaster1.xml"/><Relationship Id="rId28" Type="http://schemas.openxmlformats.org/officeDocument/2006/relationships/theme" Target="theme/theme1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4.xml"/><Relationship Id="rId31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5.xml"/><Relationship Id="rId22" Type="http://schemas.openxmlformats.org/officeDocument/2006/relationships/slide" Target="slides/slide7.xml"/><Relationship Id="rId27" Type="http://schemas.openxmlformats.org/officeDocument/2006/relationships/viewProps" Target="viewProps.xml"/><Relationship Id="rId30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Hendricks, Eric J" userId="5e15217a-a5b5-49b2-bd96-af02c4debc97" providerId="ADAL" clId="{E33182C7-6432-4F92-B12F-2991B5023A27}"/>
    <pc:docChg chg="modSld modNotesMaster modHandout">
      <pc:chgData name="Hendricks, Eric J" userId="5e15217a-a5b5-49b2-bd96-af02c4debc97" providerId="ADAL" clId="{E33182C7-6432-4F92-B12F-2991B5023A27}" dt="2025-03-04T15:30:21.089" v="369" actId="6549"/>
      <pc:docMkLst>
        <pc:docMk/>
      </pc:docMkLst>
      <pc:sldChg chg="addSp modSp mod">
        <pc:chgData name="Hendricks, Eric J" userId="5e15217a-a5b5-49b2-bd96-af02c4debc97" providerId="ADAL" clId="{E33182C7-6432-4F92-B12F-2991B5023A27}" dt="2025-03-04T15:30:21.089" v="369" actId="6549"/>
        <pc:sldMkLst>
          <pc:docMk/>
          <pc:sldMk cId="3814821132" sldId="2147479856"/>
        </pc:sldMkLst>
        <pc:spChg chg="mod">
          <ac:chgData name="Hendricks, Eric J" userId="5e15217a-a5b5-49b2-bd96-af02c4debc97" providerId="ADAL" clId="{E33182C7-6432-4F92-B12F-2991B5023A27}" dt="2025-03-04T15:30:21.089" v="369" actId="6549"/>
          <ac:spMkLst>
            <pc:docMk/>
            <pc:sldMk cId="3814821132" sldId="2147479856"/>
            <ac:spMk id="8" creationId="{A344AF2B-1C68-B76B-25F8-1AFEEA650639}"/>
          </ac:spMkLst>
        </pc:spChg>
        <pc:spChg chg="add mod">
          <ac:chgData name="Hendricks, Eric J" userId="5e15217a-a5b5-49b2-bd96-af02c4debc97" providerId="ADAL" clId="{E33182C7-6432-4F92-B12F-2991B5023A27}" dt="2025-03-04T14:55:07.805" v="331" actId="14100"/>
          <ac:spMkLst>
            <pc:docMk/>
            <pc:sldMk cId="3814821132" sldId="2147479856"/>
            <ac:spMk id="11" creationId="{4F883A9D-A779-202E-3869-8480A7519C54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8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421AAA3B-49D6-CECC-D197-731D18301F5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6434"/>
          </a:xfrm>
          <a:prstGeom prst="rect">
            <a:avLst/>
          </a:prstGeom>
        </p:spPr>
        <p:txBody>
          <a:bodyPr vert="horz" lIns="93177" tIns="46589" rIns="93177" bIns="46589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7099CC0-1D62-102B-114A-975368F6B1E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970938" y="0"/>
            <a:ext cx="3037840" cy="466434"/>
          </a:xfrm>
          <a:prstGeom prst="rect">
            <a:avLst/>
          </a:prstGeom>
        </p:spPr>
        <p:txBody>
          <a:bodyPr vert="horz" lIns="93177" tIns="46589" rIns="93177" bIns="46589" rtlCol="0"/>
          <a:lstStyle>
            <a:lvl1pPr algn="r">
              <a:defRPr sz="1200"/>
            </a:lvl1pPr>
          </a:lstStyle>
          <a:p>
            <a:fld id="{3D621C39-A876-4CAB-AC6B-CBA35C6AF17E}" type="datetimeFigureOut">
              <a:rPr lang="en-US" smtClean="0"/>
              <a:t>3/4/2025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0EBE67-1322-D30D-DB19-8FF11CD0A9F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829967"/>
            <a:ext cx="3037840" cy="466433"/>
          </a:xfrm>
          <a:prstGeom prst="rect">
            <a:avLst/>
          </a:prstGeom>
        </p:spPr>
        <p:txBody>
          <a:bodyPr vert="horz" lIns="93177" tIns="46589" rIns="93177" bIns="46589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2598BFA-2CEE-9843-B407-62A2554A992B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970938" y="8829967"/>
            <a:ext cx="3037840" cy="466433"/>
          </a:xfrm>
          <a:prstGeom prst="rect">
            <a:avLst/>
          </a:prstGeom>
        </p:spPr>
        <p:txBody>
          <a:bodyPr vert="horz" lIns="93177" tIns="46589" rIns="93177" bIns="46589" rtlCol="0" anchor="b"/>
          <a:lstStyle>
            <a:lvl1pPr algn="r">
              <a:defRPr sz="1200"/>
            </a:lvl1pPr>
          </a:lstStyle>
          <a:p>
            <a:fld id="{2F93CF43-BD8A-44F6-9276-1F257E147027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1700778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2928" userDrawn="1">
          <p15:clr>
            <a:srgbClr val="F26B43"/>
          </p15:clr>
        </p15:guide>
        <p15:guide id="2" pos="2208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7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6434"/>
          </a:xfrm>
          <a:prstGeom prst="rect">
            <a:avLst/>
          </a:prstGeom>
        </p:spPr>
        <p:txBody>
          <a:bodyPr vert="horz" lIns="93177" tIns="46589" rIns="93177" bIns="46589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970938" y="0"/>
            <a:ext cx="3037840" cy="466434"/>
          </a:xfrm>
          <a:prstGeom prst="rect">
            <a:avLst/>
          </a:prstGeom>
        </p:spPr>
        <p:txBody>
          <a:bodyPr vert="horz" lIns="93177" tIns="46589" rIns="93177" bIns="46589" rtlCol="0"/>
          <a:lstStyle>
            <a:lvl1pPr algn="r">
              <a:defRPr sz="1200"/>
            </a:lvl1pPr>
          </a:lstStyle>
          <a:p>
            <a:fld id="{614E6884-52BC-4D5D-BFAB-0B3515FA3F08}" type="datetimeFigureOut">
              <a:rPr lang="en-US" smtClean="0"/>
              <a:t>3/4/2025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414463" y="1162050"/>
            <a:ext cx="4181475" cy="31369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3177" tIns="46589" rIns="93177" bIns="46589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1040" y="4473892"/>
            <a:ext cx="5608320" cy="3660458"/>
          </a:xfrm>
          <a:prstGeom prst="rect">
            <a:avLst/>
          </a:prstGeom>
        </p:spPr>
        <p:txBody>
          <a:bodyPr vert="horz" lIns="93177" tIns="46589" rIns="93177" bIns="46589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829967"/>
            <a:ext cx="3037840" cy="466433"/>
          </a:xfrm>
          <a:prstGeom prst="rect">
            <a:avLst/>
          </a:prstGeom>
        </p:spPr>
        <p:txBody>
          <a:bodyPr vert="horz" lIns="93177" tIns="46589" rIns="93177" bIns="46589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970938" y="8829967"/>
            <a:ext cx="3037840" cy="466433"/>
          </a:xfrm>
          <a:prstGeom prst="rect">
            <a:avLst/>
          </a:prstGeom>
        </p:spPr>
        <p:txBody>
          <a:bodyPr vert="horz" lIns="93177" tIns="46589" rIns="93177" bIns="46589" rtlCol="0" anchor="b"/>
          <a:lstStyle>
            <a:lvl1pPr algn="r">
              <a:defRPr sz="1200"/>
            </a:lvl1pPr>
          </a:lstStyle>
          <a:p>
            <a:fld id="{B716CB1F-5833-403F-9A31-BEF53037D68E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58063936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928" userDrawn="1">
          <p15:clr>
            <a:srgbClr val="F26B43"/>
          </p15:clr>
        </p15:guide>
        <p15:guide id="2" pos="2208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defTabSz="931774">
              <a:defRPr/>
            </a:pPr>
            <a:r>
              <a:rPr lang="en-US" dirty="0"/>
              <a:t>Misuse/abuse of drugs, price increases for branded drugs, and increased use of specialty drugs requires a stronger, more involved approach to pharmacy benefit management. </a:t>
            </a:r>
          </a:p>
          <a:p>
            <a:pPr defTabSz="931774">
              <a:defRPr/>
            </a:pPr>
            <a:endParaRPr lang="en-US" b="0" dirty="0"/>
          </a:p>
          <a:p>
            <a:pPr defTabSz="931774">
              <a:defRPr/>
            </a:pPr>
            <a:r>
              <a:rPr lang="en-US" b="0" dirty="0"/>
              <a:t>Cigna’s drug management program is critical</a:t>
            </a:r>
            <a:r>
              <a:rPr lang="en-US" b="0" baseline="0" dirty="0"/>
              <a:t> to addressing </a:t>
            </a:r>
            <a:r>
              <a:rPr lang="en-US" b="0" i="0" baseline="0" dirty="0"/>
              <a:t>potentially unnecessary or harmful drug treatments </a:t>
            </a:r>
            <a:r>
              <a:rPr lang="en-US" b="0" baseline="0" dirty="0"/>
              <a:t>and helping to ensure </a:t>
            </a:r>
            <a:r>
              <a:rPr lang="en-US" b="0" u="none" baseline="0" dirty="0">
                <a:solidFill>
                  <a:srgbClr val="FF0000"/>
                </a:solidFill>
              </a:rPr>
              <a:t>clients and </a:t>
            </a:r>
            <a:r>
              <a:rPr lang="en-US" b="0" baseline="0" dirty="0"/>
              <a:t>customers are protected not only from the negative impact of misuse/abuse of drugs but also from rising drug costs. The Essential </a:t>
            </a:r>
            <a:r>
              <a:rPr lang="en-US" b="0" strike="noStrike" baseline="0" dirty="0"/>
              <a:t>Protection package </a:t>
            </a:r>
            <a:r>
              <a:rPr lang="en-US" b="0" baseline="0" dirty="0"/>
              <a:t>drug management package monitors certain prescriptions so that customers can receive the right drug, for the right indication and for the right price. </a:t>
            </a:r>
            <a:endParaRPr lang="en-US" dirty="0"/>
          </a:p>
          <a:p>
            <a:endParaRPr lang="en-US" b="0" dirty="0"/>
          </a:p>
          <a:p>
            <a:r>
              <a:rPr lang="en-US" b="0" dirty="0"/>
              <a:t>The</a:t>
            </a:r>
            <a:r>
              <a:rPr lang="en-US" b="0" baseline="0" dirty="0"/>
              <a:t> next few slides will cover just how drug management helps improve safety for your employees while also </a:t>
            </a:r>
            <a:r>
              <a:rPr lang="en-US" b="0" u="none" baseline="0" dirty="0">
                <a:solidFill>
                  <a:srgbClr val="FF0000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</a:rPr>
              <a:t>controlling</a:t>
            </a:r>
            <a:r>
              <a:rPr lang="en-US" b="0" baseline="0" dirty="0"/>
              <a:t> plan spend. </a:t>
            </a:r>
            <a:endParaRPr lang="en-US" b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defTabSz="931774">
              <a:defRPr/>
            </a:pPr>
            <a:fld id="{C8B098F3-271D-4B46-BB2A-23F5B9691891}" type="slidenum">
              <a:rPr lang="en-US">
                <a:solidFill>
                  <a:prstClr val="black"/>
                </a:solidFill>
                <a:latin typeface="Calibri"/>
              </a:rPr>
              <a:pPr defTabSz="931774">
                <a:defRPr/>
              </a:pPr>
              <a:t>1</a:t>
            </a:fld>
            <a:endParaRPr lang="en-US">
              <a:solidFill>
                <a:prstClr val="black"/>
              </a:solidFill>
              <a:latin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398668756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ea typeface="Verdana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931774">
              <a:defRPr/>
            </a:pPr>
            <a:fld id="{A16CFAD1-D197-4A88-B173-A6412E995EE5}" type="slidenum">
              <a:rPr lang="en-GB" sz="1000">
                <a:solidFill>
                  <a:srgbClr val="000000"/>
                </a:solidFill>
                <a:latin typeface="Verdana"/>
              </a:rPr>
              <a:pPr defTabSz="931774">
                <a:defRPr/>
              </a:pPr>
              <a:t>5</a:t>
            </a:fld>
            <a:endParaRPr lang="en-GB" sz="1000">
              <a:solidFill>
                <a:srgbClr val="000000"/>
              </a:solidFill>
              <a:latin typeface="Verdana"/>
            </a:endParaRPr>
          </a:p>
        </p:txBody>
      </p:sp>
    </p:spTree>
    <p:extLst>
      <p:ext uri="{BB962C8B-B14F-4D97-AF65-F5344CB8AC3E}">
        <p14:creationId xmlns:p14="http://schemas.microsoft.com/office/powerpoint/2010/main" val="400744358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931774">
              <a:defRPr/>
            </a:pPr>
            <a:fld id="{A16CFAD1-D197-4A88-B173-A6412E995EE5}" type="slidenum">
              <a:rPr lang="en-GB" sz="1000">
                <a:solidFill>
                  <a:srgbClr val="000000"/>
                </a:solidFill>
                <a:latin typeface="Verdana"/>
              </a:rPr>
              <a:pPr defTabSz="931774">
                <a:defRPr/>
              </a:pPr>
              <a:t>6</a:t>
            </a:fld>
            <a:endParaRPr lang="en-GB" sz="1000" dirty="0">
              <a:solidFill>
                <a:srgbClr val="000000"/>
              </a:solidFill>
              <a:latin typeface="Verdana"/>
            </a:endParaRPr>
          </a:p>
        </p:txBody>
      </p:sp>
    </p:spTree>
    <p:extLst>
      <p:ext uri="{BB962C8B-B14F-4D97-AF65-F5344CB8AC3E}">
        <p14:creationId xmlns:p14="http://schemas.microsoft.com/office/powerpoint/2010/main" val="218183778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defTabSz="931774">
              <a:defRPr/>
            </a:pPr>
            <a:fld id="{A16CFAD1-D197-4A88-B173-A6412E995EE5}" type="slidenum">
              <a:rPr lang="en-GB">
                <a:solidFill>
                  <a:prstClr val="black"/>
                </a:solidFill>
                <a:latin typeface="Calibri" panose="020F0502020204030204"/>
              </a:rPr>
              <a:pPr defTabSz="931774">
                <a:defRPr/>
              </a:pPr>
              <a:t>7</a:t>
            </a:fld>
            <a:endParaRPr lang="en-GB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61017040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0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0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0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0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0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13" Type="http://schemas.openxmlformats.org/officeDocument/2006/relationships/image" Target="../media/image19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6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30.png"/><Relationship Id="rId4" Type="http://schemas.openxmlformats.org/officeDocument/2006/relationships/image" Target="../media/image10.png"/><Relationship Id="rId9" Type="http://schemas.openxmlformats.org/officeDocument/2006/relationships/image" Target="../media/image29.png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13" Type="http://schemas.openxmlformats.org/officeDocument/2006/relationships/image" Target="../media/image19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svg"/><Relationship Id="rId2" Type="http://schemas.openxmlformats.org/officeDocument/2006/relationships/image" Target="../media/image20.png"/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4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svg"/><Relationship Id="rId2" Type="http://schemas.openxmlformats.org/officeDocument/2006/relationships/image" Target="../media/image25.png"/><Relationship Id="rId1" Type="http://schemas.openxmlformats.org/officeDocument/2006/relationships/slideMaster" Target="../slideMasters/slideMaster5.xml"/><Relationship Id="rId5" Type="http://schemas.openxmlformats.org/officeDocument/2006/relationships/image" Target="../media/image24.svg"/><Relationship Id="rId4" Type="http://schemas.openxmlformats.org/officeDocument/2006/relationships/image" Target="../media/image23.png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svg"/><Relationship Id="rId2" Type="http://schemas.openxmlformats.org/officeDocument/2006/relationships/image" Target="../media/image27.png"/><Relationship Id="rId1" Type="http://schemas.openxmlformats.org/officeDocument/2006/relationships/slideMaster" Target="../slideMasters/slideMaster5.xml"/><Relationship Id="rId5" Type="http://schemas.openxmlformats.org/officeDocument/2006/relationships/image" Target="../media/image24.svg"/><Relationship Id="rId4" Type="http://schemas.openxmlformats.org/officeDocument/2006/relationships/image" Target="../media/image23.png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5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5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8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13" Type="http://schemas.openxmlformats.org/officeDocument/2006/relationships/image" Target="../media/image19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5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30.png"/><Relationship Id="rId4" Type="http://schemas.openxmlformats.org/officeDocument/2006/relationships/image" Target="../media/image10.png"/><Relationship Id="rId9" Type="http://schemas.openxmlformats.org/officeDocument/2006/relationships/image" Target="../media/image29.png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8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8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9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9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svg"/><Relationship Id="rId2" Type="http://schemas.openxmlformats.org/officeDocument/2006/relationships/image" Target="../media/image25.png"/><Relationship Id="rId1" Type="http://schemas.openxmlformats.org/officeDocument/2006/relationships/slideMaster" Target="../slideMasters/slideMaster6.xml"/><Relationship Id="rId5" Type="http://schemas.openxmlformats.org/officeDocument/2006/relationships/image" Target="../media/image32.svg"/><Relationship Id="rId4" Type="http://schemas.openxmlformats.org/officeDocument/2006/relationships/image" Target="../media/image23.png"/></Relationships>
</file>

<file path=ppt/slideLayouts/_rels/slideLayout9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svg"/><Relationship Id="rId2" Type="http://schemas.openxmlformats.org/officeDocument/2006/relationships/image" Target="../media/image27.png"/><Relationship Id="rId1" Type="http://schemas.openxmlformats.org/officeDocument/2006/relationships/slideMaster" Target="../slideMasters/slideMaster6.xml"/><Relationship Id="rId5" Type="http://schemas.openxmlformats.org/officeDocument/2006/relationships/image" Target="../media/image32.svg"/><Relationship Id="rId4" Type="http://schemas.openxmlformats.org/officeDocument/2006/relationships/image" Target="../media/image23.png"/></Relationships>
</file>

<file path=ppt/slideLayouts/_rels/slideLayout9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6.xml"/></Relationships>
</file>

<file path=ppt/slideLayouts/_rels/slideLayout9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9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_rels/slideLayout9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svg"/><Relationship Id="rId2" Type="http://schemas.openxmlformats.org/officeDocument/2006/relationships/image" Target="../media/image23.png"/><Relationship Id="rId1" Type="http://schemas.openxmlformats.org/officeDocument/2006/relationships/slideMaster" Target="../slideMasters/slideMaster6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1B63F7-EF8D-1442-2805-F90D13F7F62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143000" y="1122363"/>
            <a:ext cx="6858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76B73C6-4021-68D5-1099-5B1540F6C88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143000" y="3602038"/>
            <a:ext cx="6858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7" name="Slide Number Placeholder 8">
            <a:extLst>
              <a:ext uri="{FF2B5EF4-FFF2-40B4-BE49-F238E27FC236}">
                <a16:creationId xmlns:a16="http://schemas.microsoft.com/office/drawing/2014/main" id="{F5A31C44-CF20-D23D-32E5-2E0E8C655D2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A0754875-36A7-8F3D-5B29-E1A51B82356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81BDE188-60AB-4A39-862E-DA14ADA14D9C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22091750"/>
      </p:ext>
    </p:extLst>
  </p:cSld>
  <p:clrMapOvr>
    <a:masterClrMapping/>
  </p:clrMapOvr>
  <p:transition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288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792D8FEF-8EEC-1D16-8F69-5FF3DA5EC32E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43675" y="365125"/>
            <a:ext cx="1971675" cy="5811838"/>
          </a:xfrm>
        </p:spPr>
        <p:txBody>
          <a:bodyPr vert="eaVert"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E0F4F87-CA82-C826-169C-6FB5E8F980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28650" y="365125"/>
            <a:ext cx="5800725" cy="5811838"/>
          </a:xfrm>
        </p:spPr>
        <p:txBody>
          <a:bodyPr vert="eaVert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Slide Number Placeholder 8">
            <a:extLst>
              <a:ext uri="{FF2B5EF4-FFF2-40B4-BE49-F238E27FC236}">
                <a16:creationId xmlns:a16="http://schemas.microsoft.com/office/drawing/2014/main" id="{0CF577E7-4BB2-C6C1-1C9A-E2207652867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455AC3E5-203D-8577-FD28-066037596655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968E57F6-ECB1-4AD8-8471-139C67B47A0F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21734078"/>
      </p:ext>
    </p:extLst>
  </p:cSld>
  <p:clrMapOvr>
    <a:masterClrMapping/>
  </p:clrMapOvr>
  <p:transition/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FAA16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Freeform 6">
            <a:extLst>
              <a:ext uri="{FF2B5EF4-FFF2-40B4-BE49-F238E27FC236}">
                <a16:creationId xmlns:a16="http://schemas.microsoft.com/office/drawing/2014/main" id="{2DBDAC48-E9E3-50DC-4F61-AE86EB78F7A4}"/>
              </a:ext>
            </a:extLst>
          </p:cNvPr>
          <p:cNvSpPr>
            <a:spLocks/>
          </p:cNvSpPr>
          <p:nvPr userDrawn="1"/>
        </p:nvSpPr>
        <p:spPr bwMode="auto">
          <a:xfrm rot="900000">
            <a:off x="-5729640" y="-1308734"/>
            <a:ext cx="14024102" cy="10685028"/>
          </a:xfrm>
          <a:custGeom>
            <a:avLst/>
            <a:gdLst>
              <a:gd name="T0" fmla="*/ 123 w 281"/>
              <a:gd name="T1" fmla="*/ 146 h 161"/>
              <a:gd name="T2" fmla="*/ 0 w 281"/>
              <a:gd name="T3" fmla="*/ 42 h 161"/>
              <a:gd name="T4" fmla="*/ 158 w 281"/>
              <a:gd name="T5" fmla="*/ 15 h 161"/>
              <a:gd name="T6" fmla="*/ 281 w 281"/>
              <a:gd name="T7" fmla="*/ 119 h 161"/>
              <a:gd name="T8" fmla="*/ 123 w 281"/>
              <a:gd name="T9" fmla="*/ 146 h 16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281" h="161">
                <a:moveTo>
                  <a:pt x="123" y="146"/>
                </a:moveTo>
                <a:cubicBezTo>
                  <a:pt x="66" y="130"/>
                  <a:pt x="23" y="91"/>
                  <a:pt x="0" y="42"/>
                </a:cubicBezTo>
                <a:cubicBezTo>
                  <a:pt x="45" y="11"/>
                  <a:pt x="102" y="0"/>
                  <a:pt x="158" y="15"/>
                </a:cubicBezTo>
                <a:cubicBezTo>
                  <a:pt x="215" y="31"/>
                  <a:pt x="258" y="70"/>
                  <a:pt x="281" y="119"/>
                </a:cubicBezTo>
                <a:cubicBezTo>
                  <a:pt x="236" y="150"/>
                  <a:pt x="179" y="161"/>
                  <a:pt x="123" y="146"/>
                </a:cubicBezTo>
              </a:path>
            </a:pathLst>
          </a:custGeom>
          <a:solidFill>
            <a:srgbClr val="FF4D00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8" name="Freeform 25">
            <a:extLst>
              <a:ext uri="{FF2B5EF4-FFF2-40B4-BE49-F238E27FC236}">
                <a16:creationId xmlns:a16="http://schemas.microsoft.com/office/drawing/2014/main" id="{BCFED06E-BBB3-0C17-552D-DFF9887E09D2}"/>
              </a:ext>
            </a:extLst>
          </p:cNvPr>
          <p:cNvSpPr>
            <a:spLocks/>
          </p:cNvSpPr>
          <p:nvPr userDrawn="1"/>
        </p:nvSpPr>
        <p:spPr bwMode="auto">
          <a:xfrm rot="20700000">
            <a:off x="4207166" y="-3994913"/>
            <a:ext cx="12137646" cy="10164263"/>
          </a:xfrm>
          <a:custGeom>
            <a:avLst/>
            <a:gdLst>
              <a:gd name="T0" fmla="*/ 171 w 368"/>
              <a:gd name="T1" fmla="*/ 203 h 231"/>
              <a:gd name="T2" fmla="*/ 0 w 368"/>
              <a:gd name="T3" fmla="*/ 13 h 231"/>
              <a:gd name="T4" fmla="*/ 257 w 368"/>
              <a:gd name="T5" fmla="*/ 34 h 231"/>
              <a:gd name="T6" fmla="*/ 366 w 368"/>
              <a:gd name="T7" fmla="*/ 171 h 231"/>
              <a:gd name="T8" fmla="*/ 355 w 368"/>
              <a:gd name="T9" fmla="*/ 196 h 231"/>
              <a:gd name="T10" fmla="*/ 171 w 368"/>
              <a:gd name="T11" fmla="*/ 203 h 23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368" h="231">
                <a:moveTo>
                  <a:pt x="171" y="203"/>
                </a:moveTo>
                <a:cubicBezTo>
                  <a:pt x="108" y="174"/>
                  <a:pt x="64" y="85"/>
                  <a:pt x="0" y="13"/>
                </a:cubicBezTo>
                <a:cubicBezTo>
                  <a:pt x="91" y="8"/>
                  <a:pt x="182" y="0"/>
                  <a:pt x="257" y="34"/>
                </a:cubicBezTo>
                <a:cubicBezTo>
                  <a:pt x="317" y="62"/>
                  <a:pt x="351" y="112"/>
                  <a:pt x="366" y="171"/>
                </a:cubicBezTo>
                <a:cubicBezTo>
                  <a:pt x="368" y="181"/>
                  <a:pt x="364" y="191"/>
                  <a:pt x="355" y="196"/>
                </a:cubicBezTo>
                <a:cubicBezTo>
                  <a:pt x="309" y="224"/>
                  <a:pt x="234" y="231"/>
                  <a:pt x="171" y="203"/>
                </a:cubicBezTo>
              </a:path>
            </a:pathLst>
          </a:custGeom>
          <a:solidFill>
            <a:srgbClr val="FF4D00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5" name="Dynamic legal" descr="{&quot;templafy&quot;:{&quot;id&quot;:&quot;dbaeef4b-2da6-4309-a125-ed60b85daf43&quot;}}">
            <a:extLst>
              <a:ext uri="{FF2B5EF4-FFF2-40B4-BE49-F238E27FC236}">
                <a16:creationId xmlns:a16="http://schemas.microsoft.com/office/drawing/2014/main" id="{353DF039-3B1A-C190-4EA6-6ABD3A4641A3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6" name="Dynmic Internal use only" descr="{&quot;templafy&quot;:{&quot;id&quot;:&quot;e6b77802-cf79-4559-9f48-5022140c52a2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FB723643-3702-E3C5-80BE-703B4C10DD99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AAE330CD-3227-EFB6-6972-7D717F23E1F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31EB155-2081-4A92-AB42-08175EA8D53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2A4D4CDC-41FD-AA36-8291-2C18935746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C40BBCB3-ED81-899F-FD24-50EA86B4A2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422405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 p14:bounceEnd="24000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 p14:bounceEnd="24000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Choice>
    <mc:Fallback xmlns="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Fallback>
  </mc:AlternateContent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96B0153F-51B7-5FFA-CA1F-CA82240C778B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0033FF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56CCDB76-95D2-7F79-299A-F9D1F543C7AF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2" name="Freeform 6">
              <a:extLst>
                <a:ext uri="{FF2B5EF4-FFF2-40B4-BE49-F238E27FC236}">
                  <a16:creationId xmlns:a16="http://schemas.microsoft.com/office/drawing/2014/main" id="{DABCB348-87AA-DF6A-F781-2F307E73E9A7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" name="Freeform 8">
              <a:extLst>
                <a:ext uri="{FF2B5EF4-FFF2-40B4-BE49-F238E27FC236}">
                  <a16:creationId xmlns:a16="http://schemas.microsoft.com/office/drawing/2014/main" id="{058E9BCD-4588-8828-A945-4E86A8403205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" name="Freeform 9">
              <a:extLst>
                <a:ext uri="{FF2B5EF4-FFF2-40B4-BE49-F238E27FC236}">
                  <a16:creationId xmlns:a16="http://schemas.microsoft.com/office/drawing/2014/main" id="{32E7BBC3-F14D-6277-CCAD-C24F09347874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5" name="Freeform 10">
              <a:extLst>
                <a:ext uri="{FF2B5EF4-FFF2-40B4-BE49-F238E27FC236}">
                  <a16:creationId xmlns:a16="http://schemas.microsoft.com/office/drawing/2014/main" id="{E728AF19-90EE-8328-E263-739F09EC6B16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0B0B7CDD-D1BD-1582-95F5-65C8B3319C51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0EE57DDC-DED5-4EE5-F88C-943973FE882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8" name="Freeform 15">
              <a:extLst>
                <a:ext uri="{FF2B5EF4-FFF2-40B4-BE49-F238E27FC236}">
                  <a16:creationId xmlns:a16="http://schemas.microsoft.com/office/drawing/2014/main" id="{B5C712EE-74F0-76A8-8912-D52C2DA9D1EF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9" name="Freeform 16">
              <a:extLst>
                <a:ext uri="{FF2B5EF4-FFF2-40B4-BE49-F238E27FC236}">
                  <a16:creationId xmlns:a16="http://schemas.microsoft.com/office/drawing/2014/main" id="{A419EDC7-215C-BA21-4821-D162E198B7D6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0" name="Freeform 17">
              <a:extLst>
                <a:ext uri="{FF2B5EF4-FFF2-40B4-BE49-F238E27FC236}">
                  <a16:creationId xmlns:a16="http://schemas.microsoft.com/office/drawing/2014/main" id="{E2108FCF-4C74-27F8-0639-D7799E5D7DD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5ACAFCF3-1E52-1093-0307-86425C4873E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2" name="Freeform 22">
              <a:extLst>
                <a:ext uri="{FF2B5EF4-FFF2-40B4-BE49-F238E27FC236}">
                  <a16:creationId xmlns:a16="http://schemas.microsoft.com/office/drawing/2014/main" id="{CC03080C-DBA0-57C4-6F13-104B7E6014F9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3" name="Freeform 25">
              <a:extLst>
                <a:ext uri="{FF2B5EF4-FFF2-40B4-BE49-F238E27FC236}">
                  <a16:creationId xmlns:a16="http://schemas.microsoft.com/office/drawing/2014/main" id="{FAE87726-C79E-DAD3-76FD-2F2F60BC7CC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4" name="Freeform 26">
              <a:extLst>
                <a:ext uri="{FF2B5EF4-FFF2-40B4-BE49-F238E27FC236}">
                  <a16:creationId xmlns:a16="http://schemas.microsoft.com/office/drawing/2014/main" id="{B9CFDB37-3EDD-5023-1198-354C5F793FC8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5" name="Freeform 27">
              <a:extLst>
                <a:ext uri="{FF2B5EF4-FFF2-40B4-BE49-F238E27FC236}">
                  <a16:creationId xmlns:a16="http://schemas.microsoft.com/office/drawing/2014/main" id="{A1F3CF1D-DFFD-7C63-73E8-4BFA94109791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6" name="Freeform 29">
              <a:extLst>
                <a:ext uri="{FF2B5EF4-FFF2-40B4-BE49-F238E27FC236}">
                  <a16:creationId xmlns:a16="http://schemas.microsoft.com/office/drawing/2014/main" id="{0BE5861B-1B20-FD8F-5B05-88A65350C3FC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7F14CCE-E106-D19B-11D1-4F7A14895405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8" name="Freeform 36">
              <a:extLst>
                <a:ext uri="{FF2B5EF4-FFF2-40B4-BE49-F238E27FC236}">
                  <a16:creationId xmlns:a16="http://schemas.microsoft.com/office/drawing/2014/main" id="{A8F02F2D-563B-913C-804A-B485E3099633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9" name="Freeform 37">
              <a:extLst>
                <a:ext uri="{FF2B5EF4-FFF2-40B4-BE49-F238E27FC236}">
                  <a16:creationId xmlns:a16="http://schemas.microsoft.com/office/drawing/2014/main" id="{F1880DEC-7D68-A9C3-4631-6C7DE7E6B49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0" name="Freeform 38">
              <a:extLst>
                <a:ext uri="{FF2B5EF4-FFF2-40B4-BE49-F238E27FC236}">
                  <a16:creationId xmlns:a16="http://schemas.microsoft.com/office/drawing/2014/main" id="{1108FBC6-C922-E218-57C6-5D00C7B25057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84BD06DF-C072-0B33-5685-31AF73DD223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6098F057-2DE9-D7F7-C543-10D69960F72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33" name="Freeform 44">
              <a:extLst>
                <a:ext uri="{FF2B5EF4-FFF2-40B4-BE49-F238E27FC236}">
                  <a16:creationId xmlns:a16="http://schemas.microsoft.com/office/drawing/2014/main" id="{22243FA7-4941-4567-168F-6032C9400285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4" name="Freeform 45">
              <a:extLst>
                <a:ext uri="{FF2B5EF4-FFF2-40B4-BE49-F238E27FC236}">
                  <a16:creationId xmlns:a16="http://schemas.microsoft.com/office/drawing/2014/main" id="{824061A3-A719-A441-669E-A2E108ABCA52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5" name="Freeform 46">
              <a:extLst>
                <a:ext uri="{FF2B5EF4-FFF2-40B4-BE49-F238E27FC236}">
                  <a16:creationId xmlns:a16="http://schemas.microsoft.com/office/drawing/2014/main" id="{07521B81-D6C7-572F-ABDF-B48ED793FFFE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6" name="Freeform 47">
              <a:extLst>
                <a:ext uri="{FF2B5EF4-FFF2-40B4-BE49-F238E27FC236}">
                  <a16:creationId xmlns:a16="http://schemas.microsoft.com/office/drawing/2014/main" id="{51DDA017-35BF-F6D1-B909-9586B3639F7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C9400801-2683-A4DB-EFA8-21B2826B7C7B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38" name="Freeform 49">
              <a:extLst>
                <a:ext uri="{FF2B5EF4-FFF2-40B4-BE49-F238E27FC236}">
                  <a16:creationId xmlns:a16="http://schemas.microsoft.com/office/drawing/2014/main" id="{AB5D3AA2-657C-852C-4A8F-99E9D435D163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01F3F0FA-2DC8-63A2-5B82-2835781EB1B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0" name="Freeform 58">
              <a:extLst>
                <a:ext uri="{FF2B5EF4-FFF2-40B4-BE49-F238E27FC236}">
                  <a16:creationId xmlns:a16="http://schemas.microsoft.com/office/drawing/2014/main" id="{E3C3D9DC-5040-5446-53CF-3AC3A5B6A573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1" name="Freeform 61">
              <a:extLst>
                <a:ext uri="{FF2B5EF4-FFF2-40B4-BE49-F238E27FC236}">
                  <a16:creationId xmlns:a16="http://schemas.microsoft.com/office/drawing/2014/main" id="{14690D8F-C57A-A8FA-FCCE-5107FDFFD5E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2" name="Freeform 62">
              <a:extLst>
                <a:ext uri="{FF2B5EF4-FFF2-40B4-BE49-F238E27FC236}">
                  <a16:creationId xmlns:a16="http://schemas.microsoft.com/office/drawing/2014/main" id="{1AE7CFF4-516E-CEAD-151B-D3E26F863E3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3" name="Freeform 63">
              <a:extLst>
                <a:ext uri="{FF2B5EF4-FFF2-40B4-BE49-F238E27FC236}">
                  <a16:creationId xmlns:a16="http://schemas.microsoft.com/office/drawing/2014/main" id="{6904504F-D8AD-BB0E-E8BD-544EAB79E0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6A2691E1-2D3F-F2B3-F075-848AF4CCE241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5" name="Freeform 65">
              <a:extLst>
                <a:ext uri="{FF2B5EF4-FFF2-40B4-BE49-F238E27FC236}">
                  <a16:creationId xmlns:a16="http://schemas.microsoft.com/office/drawing/2014/main" id="{617A7CFD-CC12-D585-D8A1-A334238198C1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76AFAA03-EEE2-F6A8-5BD9-E332F576CBF1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7" name="Freeform 67">
              <a:extLst>
                <a:ext uri="{FF2B5EF4-FFF2-40B4-BE49-F238E27FC236}">
                  <a16:creationId xmlns:a16="http://schemas.microsoft.com/office/drawing/2014/main" id="{13C56906-CB98-3E40-9B41-1D10F35B487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90F7AA1D-C64C-CBA1-7628-31134297F9BE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9" name="Freeform 70">
              <a:extLst>
                <a:ext uri="{FF2B5EF4-FFF2-40B4-BE49-F238E27FC236}">
                  <a16:creationId xmlns:a16="http://schemas.microsoft.com/office/drawing/2014/main" id="{20BAD8FA-019E-E62B-3B8B-F12D7969CBF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0" name="Freeform 71">
              <a:extLst>
                <a:ext uri="{FF2B5EF4-FFF2-40B4-BE49-F238E27FC236}">
                  <a16:creationId xmlns:a16="http://schemas.microsoft.com/office/drawing/2014/main" id="{F640350F-10A5-A988-26FC-FEC52C6F778F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4" name="Dynamic legal" descr="{&quot;templafy&quot;:{&quot;id&quot;:&quot;a48fe99e-8fe1-4895-84fa-85c7e34957e3&quot;}}">
            <a:extLst>
              <a:ext uri="{FF2B5EF4-FFF2-40B4-BE49-F238E27FC236}">
                <a16:creationId xmlns:a16="http://schemas.microsoft.com/office/drawing/2014/main" id="{04B08AE0-5747-6620-25C0-4D4CBDFFEB86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8" name="Dynmic Internal use only" descr="{&quot;templafy&quot;:{&quot;id&quot;:&quot;380a316f-0866-46b6-a6a1-00df8886df4a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F95DCE30-9FF1-602A-5A57-92094657556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7543D7E6-AC22-41CA-803A-C2AE4263AC48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54661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1DBDD132-B647-6D79-9EC5-7F5FE328FB60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03CC54"/>
          </a:solidFill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11F76FB4-2F92-38FF-983E-ADB670D3E9E6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1" name="Freeform 6">
              <a:extLst>
                <a:ext uri="{FF2B5EF4-FFF2-40B4-BE49-F238E27FC236}">
                  <a16:creationId xmlns:a16="http://schemas.microsoft.com/office/drawing/2014/main" id="{A786ADA7-5CC0-B21E-69C7-D33546AE56D6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2" name="Freeform 8">
              <a:extLst>
                <a:ext uri="{FF2B5EF4-FFF2-40B4-BE49-F238E27FC236}">
                  <a16:creationId xmlns:a16="http://schemas.microsoft.com/office/drawing/2014/main" id="{ECA4AE0E-9A29-E5FA-BC33-7FA6BB0EFB07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3" name="Freeform 9">
              <a:extLst>
                <a:ext uri="{FF2B5EF4-FFF2-40B4-BE49-F238E27FC236}">
                  <a16:creationId xmlns:a16="http://schemas.microsoft.com/office/drawing/2014/main" id="{58ECFBD8-820D-D848-B5BB-3F6BEBE5DA59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4" name="Freeform 10">
              <a:extLst>
                <a:ext uri="{FF2B5EF4-FFF2-40B4-BE49-F238E27FC236}">
                  <a16:creationId xmlns:a16="http://schemas.microsoft.com/office/drawing/2014/main" id="{AE4FCA06-14F4-2B0A-9B3D-96FB59A0130E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419AD768-9D3D-D53E-D817-33A966C711B4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B99AE949-6BF9-9B14-2518-7F23777704DB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7" name="Freeform 15">
              <a:extLst>
                <a:ext uri="{FF2B5EF4-FFF2-40B4-BE49-F238E27FC236}">
                  <a16:creationId xmlns:a16="http://schemas.microsoft.com/office/drawing/2014/main" id="{F69568F5-5ECA-E758-4071-172C87286C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8" name="Freeform 16">
              <a:extLst>
                <a:ext uri="{FF2B5EF4-FFF2-40B4-BE49-F238E27FC236}">
                  <a16:creationId xmlns:a16="http://schemas.microsoft.com/office/drawing/2014/main" id="{9E23537D-C46A-1E96-23CB-55964C0F148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9" name="Freeform 17">
              <a:extLst>
                <a:ext uri="{FF2B5EF4-FFF2-40B4-BE49-F238E27FC236}">
                  <a16:creationId xmlns:a16="http://schemas.microsoft.com/office/drawing/2014/main" id="{B567FAA2-9CAE-06B7-5EB9-855346228C3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082DE6FF-93AE-764E-B4EF-D02B15EDC150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1" name="Freeform 22">
              <a:extLst>
                <a:ext uri="{FF2B5EF4-FFF2-40B4-BE49-F238E27FC236}">
                  <a16:creationId xmlns:a16="http://schemas.microsoft.com/office/drawing/2014/main" id="{2CF043F6-FDAE-601E-1FC2-1B95C5C69238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2" name="Freeform 25">
              <a:extLst>
                <a:ext uri="{FF2B5EF4-FFF2-40B4-BE49-F238E27FC236}">
                  <a16:creationId xmlns:a16="http://schemas.microsoft.com/office/drawing/2014/main" id="{CDFC30C4-34CD-FC69-3218-12E0C0D0A56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3" name="Freeform 26">
              <a:extLst>
                <a:ext uri="{FF2B5EF4-FFF2-40B4-BE49-F238E27FC236}">
                  <a16:creationId xmlns:a16="http://schemas.microsoft.com/office/drawing/2014/main" id="{47C4C5A9-EE9E-5CF2-8EAF-80DC6F99CFBD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4" name="Freeform 27">
              <a:extLst>
                <a:ext uri="{FF2B5EF4-FFF2-40B4-BE49-F238E27FC236}">
                  <a16:creationId xmlns:a16="http://schemas.microsoft.com/office/drawing/2014/main" id="{E43AEBA1-48E2-1D88-CFB2-3C665158893F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29">
              <a:extLst>
                <a:ext uri="{FF2B5EF4-FFF2-40B4-BE49-F238E27FC236}">
                  <a16:creationId xmlns:a16="http://schemas.microsoft.com/office/drawing/2014/main" id="{1EA77AE8-77D8-17F3-13D3-11864DAA2EDD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C4BF08B-D78C-03A8-D9F5-8E12FDB5404F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7" name="Freeform 36">
              <a:extLst>
                <a:ext uri="{FF2B5EF4-FFF2-40B4-BE49-F238E27FC236}">
                  <a16:creationId xmlns:a16="http://schemas.microsoft.com/office/drawing/2014/main" id="{21D08F9B-AA55-6BAB-AB5E-4C7E80F771D1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8" name="Freeform 37">
              <a:extLst>
                <a:ext uri="{FF2B5EF4-FFF2-40B4-BE49-F238E27FC236}">
                  <a16:creationId xmlns:a16="http://schemas.microsoft.com/office/drawing/2014/main" id="{8105444D-96EF-891E-25E9-B5E80D3DBB1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9" name="Freeform 38">
              <a:extLst>
                <a:ext uri="{FF2B5EF4-FFF2-40B4-BE49-F238E27FC236}">
                  <a16:creationId xmlns:a16="http://schemas.microsoft.com/office/drawing/2014/main" id="{08922EA0-BF54-1382-891A-8BB57C242376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71CD02F7-CE91-5B61-4D24-728AE36138CE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E349BB77-9DC6-1510-D1F5-E18CE50C76D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2" name="Freeform 44">
              <a:extLst>
                <a:ext uri="{FF2B5EF4-FFF2-40B4-BE49-F238E27FC236}">
                  <a16:creationId xmlns:a16="http://schemas.microsoft.com/office/drawing/2014/main" id="{8FAA97AC-5234-3FBC-0150-B0B7620036D1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 45">
              <a:extLst>
                <a:ext uri="{FF2B5EF4-FFF2-40B4-BE49-F238E27FC236}">
                  <a16:creationId xmlns:a16="http://schemas.microsoft.com/office/drawing/2014/main" id="{02267A44-B685-EBA5-3C38-1E2A2D4F1C62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46">
              <a:extLst>
                <a:ext uri="{FF2B5EF4-FFF2-40B4-BE49-F238E27FC236}">
                  <a16:creationId xmlns:a16="http://schemas.microsoft.com/office/drawing/2014/main" id="{52B9517E-FD81-74B0-50C7-099465C105DD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5" name="Freeform 47">
              <a:extLst>
                <a:ext uri="{FF2B5EF4-FFF2-40B4-BE49-F238E27FC236}">
                  <a16:creationId xmlns:a16="http://schemas.microsoft.com/office/drawing/2014/main" id="{6AD85C83-952C-2A47-7D86-0B36ACA6036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AD959958-83AB-E52C-CAD7-9889E6D39B66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7" name="Freeform 49">
              <a:extLst>
                <a:ext uri="{FF2B5EF4-FFF2-40B4-BE49-F238E27FC236}">
                  <a16:creationId xmlns:a16="http://schemas.microsoft.com/office/drawing/2014/main" id="{3C7C372C-D3C8-B535-4E52-E83E7E0938B5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506DF94C-8ACF-1597-C380-AE5C5A57D9C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9" name="Freeform 58">
              <a:extLst>
                <a:ext uri="{FF2B5EF4-FFF2-40B4-BE49-F238E27FC236}">
                  <a16:creationId xmlns:a16="http://schemas.microsoft.com/office/drawing/2014/main" id="{023706BA-4DA3-8793-D545-87417C42825A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0" name="Freeform 61">
              <a:extLst>
                <a:ext uri="{FF2B5EF4-FFF2-40B4-BE49-F238E27FC236}">
                  <a16:creationId xmlns:a16="http://schemas.microsoft.com/office/drawing/2014/main" id="{2201F48B-FA87-23E0-1F9C-931335E1F1F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1" name="Freeform 62">
              <a:extLst>
                <a:ext uri="{FF2B5EF4-FFF2-40B4-BE49-F238E27FC236}">
                  <a16:creationId xmlns:a16="http://schemas.microsoft.com/office/drawing/2014/main" id="{7A8A9104-1F54-1ED4-18E9-488BDB9CE5F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 63">
              <a:extLst>
                <a:ext uri="{FF2B5EF4-FFF2-40B4-BE49-F238E27FC236}">
                  <a16:creationId xmlns:a16="http://schemas.microsoft.com/office/drawing/2014/main" id="{4983A667-EEDB-9A27-192B-91A1390EC9F5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9A94C4DD-50FB-F47E-BB39-401510F1741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4" name="Freeform 65">
              <a:extLst>
                <a:ext uri="{FF2B5EF4-FFF2-40B4-BE49-F238E27FC236}">
                  <a16:creationId xmlns:a16="http://schemas.microsoft.com/office/drawing/2014/main" id="{D3519D9C-C859-C616-F95B-874DCC46DC86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2490AD32-0036-4B6A-3376-3106BCA18E7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6" name="Freeform 67">
              <a:extLst>
                <a:ext uri="{FF2B5EF4-FFF2-40B4-BE49-F238E27FC236}">
                  <a16:creationId xmlns:a16="http://schemas.microsoft.com/office/drawing/2014/main" id="{2F4491DF-CDE2-30AA-A12E-22E24C23CB5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B2471DD7-1744-C21A-0FCE-237F3C7E675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8" name="Freeform 70">
              <a:extLst>
                <a:ext uri="{FF2B5EF4-FFF2-40B4-BE49-F238E27FC236}">
                  <a16:creationId xmlns:a16="http://schemas.microsoft.com/office/drawing/2014/main" id="{3F63CFA2-B578-D3F9-5EC6-A8EE5165A76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9" name="Freeform 71">
              <a:extLst>
                <a:ext uri="{FF2B5EF4-FFF2-40B4-BE49-F238E27FC236}">
                  <a16:creationId xmlns:a16="http://schemas.microsoft.com/office/drawing/2014/main" id="{FEC2E90F-8A6A-935D-AEF9-D3B05C605C5A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10" name="Dynamic legal" descr="{&quot;templafy&quot;:{&quot;id&quot;:&quot;3d1787fc-25d7-4094-9a4a-3ad8322dd3f5&quot;}}">
            <a:extLst>
              <a:ext uri="{FF2B5EF4-FFF2-40B4-BE49-F238E27FC236}">
                <a16:creationId xmlns:a16="http://schemas.microsoft.com/office/drawing/2014/main" id="{BA44C268-1404-88E4-1C9A-5E286ED0D67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ed612d63-53fa-46b0-938e-39d4258e4e99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26F73FA1-9D6B-45C6-8E8E-D6C214B921F7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5325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619ECCB1-3D70-4A9E-8D47-3CD429606189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046911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FF4D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DCFE0B5-E689-B247-4487-E082091B1DA5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FAA163"/>
          </a:solidFill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06EA70ED-0DD1-4363-CDC3-711BF969B001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1" name="Freeform 6">
              <a:extLst>
                <a:ext uri="{FF2B5EF4-FFF2-40B4-BE49-F238E27FC236}">
                  <a16:creationId xmlns:a16="http://schemas.microsoft.com/office/drawing/2014/main" id="{97B2B0A6-39C3-03D6-702E-571B6F96F0CD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2" name="Freeform 8">
              <a:extLst>
                <a:ext uri="{FF2B5EF4-FFF2-40B4-BE49-F238E27FC236}">
                  <a16:creationId xmlns:a16="http://schemas.microsoft.com/office/drawing/2014/main" id="{8473840E-AD0B-A0CA-BA51-A8A6A5FEF24B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3" name="Freeform 9">
              <a:extLst>
                <a:ext uri="{FF2B5EF4-FFF2-40B4-BE49-F238E27FC236}">
                  <a16:creationId xmlns:a16="http://schemas.microsoft.com/office/drawing/2014/main" id="{8E1C9BF5-85C1-4DD0-3B1F-590A3F106C10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4" name="Freeform 10">
              <a:extLst>
                <a:ext uri="{FF2B5EF4-FFF2-40B4-BE49-F238E27FC236}">
                  <a16:creationId xmlns:a16="http://schemas.microsoft.com/office/drawing/2014/main" id="{22A26164-6662-3487-C801-20B11E38AE61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8ED95FBA-A6FD-38B7-5D70-E0A3576CD1F4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18753D9E-D19A-6AAC-4DE5-C54D49CE74A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7" name="Freeform 15">
              <a:extLst>
                <a:ext uri="{FF2B5EF4-FFF2-40B4-BE49-F238E27FC236}">
                  <a16:creationId xmlns:a16="http://schemas.microsoft.com/office/drawing/2014/main" id="{FED6DD19-98E9-6201-BE6C-E23020FC6860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8" name="Freeform 16">
              <a:extLst>
                <a:ext uri="{FF2B5EF4-FFF2-40B4-BE49-F238E27FC236}">
                  <a16:creationId xmlns:a16="http://schemas.microsoft.com/office/drawing/2014/main" id="{C4BC9A37-1226-E7F0-5658-85F50C7AA6ED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9" name="Freeform 17">
              <a:extLst>
                <a:ext uri="{FF2B5EF4-FFF2-40B4-BE49-F238E27FC236}">
                  <a16:creationId xmlns:a16="http://schemas.microsoft.com/office/drawing/2014/main" id="{BDC9216C-66C7-56A8-F253-4832F8694AF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3AE614C3-A72C-E459-9AC7-92285B34899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1" name="Freeform 22">
              <a:extLst>
                <a:ext uri="{FF2B5EF4-FFF2-40B4-BE49-F238E27FC236}">
                  <a16:creationId xmlns:a16="http://schemas.microsoft.com/office/drawing/2014/main" id="{BC4339C7-9723-8DF6-2325-6193D2BA91FB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2" name="Freeform 25">
              <a:extLst>
                <a:ext uri="{FF2B5EF4-FFF2-40B4-BE49-F238E27FC236}">
                  <a16:creationId xmlns:a16="http://schemas.microsoft.com/office/drawing/2014/main" id="{A256CE26-139D-71D8-48EC-90F82445200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3" name="Freeform 26">
              <a:extLst>
                <a:ext uri="{FF2B5EF4-FFF2-40B4-BE49-F238E27FC236}">
                  <a16:creationId xmlns:a16="http://schemas.microsoft.com/office/drawing/2014/main" id="{4001FA58-1AD5-5CA8-23C7-7873BA5680F2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4" name="Freeform 27">
              <a:extLst>
                <a:ext uri="{FF2B5EF4-FFF2-40B4-BE49-F238E27FC236}">
                  <a16:creationId xmlns:a16="http://schemas.microsoft.com/office/drawing/2014/main" id="{1DCF6FB6-019E-BCB1-F073-41467B48D84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29">
              <a:extLst>
                <a:ext uri="{FF2B5EF4-FFF2-40B4-BE49-F238E27FC236}">
                  <a16:creationId xmlns:a16="http://schemas.microsoft.com/office/drawing/2014/main" id="{55B0B961-F4E1-8773-34E3-E454FCFD8667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CEB8868E-5F4F-457F-4430-172741B67274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7" name="Freeform 36">
              <a:extLst>
                <a:ext uri="{FF2B5EF4-FFF2-40B4-BE49-F238E27FC236}">
                  <a16:creationId xmlns:a16="http://schemas.microsoft.com/office/drawing/2014/main" id="{3F9DFECE-5FD1-BF94-C9D9-82F1E6F6883F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8" name="Freeform 37">
              <a:extLst>
                <a:ext uri="{FF2B5EF4-FFF2-40B4-BE49-F238E27FC236}">
                  <a16:creationId xmlns:a16="http://schemas.microsoft.com/office/drawing/2014/main" id="{5566E7D7-2E64-C7A7-E60B-F66948E0157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9" name="Freeform 38">
              <a:extLst>
                <a:ext uri="{FF2B5EF4-FFF2-40B4-BE49-F238E27FC236}">
                  <a16:creationId xmlns:a16="http://schemas.microsoft.com/office/drawing/2014/main" id="{10E09475-027E-5A71-E5A1-12956048B585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86DEDAD5-8232-ACD0-D0B0-895F5EE926B0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244A3A8A-671B-DCD9-6422-A9E854DD6B5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2" name="Freeform 44">
              <a:extLst>
                <a:ext uri="{FF2B5EF4-FFF2-40B4-BE49-F238E27FC236}">
                  <a16:creationId xmlns:a16="http://schemas.microsoft.com/office/drawing/2014/main" id="{15F15320-098C-B994-A9ED-BBA25FEACC97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 45">
              <a:extLst>
                <a:ext uri="{FF2B5EF4-FFF2-40B4-BE49-F238E27FC236}">
                  <a16:creationId xmlns:a16="http://schemas.microsoft.com/office/drawing/2014/main" id="{6EC8D73D-740E-A761-0A01-29DDA88AE35C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46">
              <a:extLst>
                <a:ext uri="{FF2B5EF4-FFF2-40B4-BE49-F238E27FC236}">
                  <a16:creationId xmlns:a16="http://schemas.microsoft.com/office/drawing/2014/main" id="{C13FF9D5-D135-EE5A-E5FE-F3E1FCDB09BD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5" name="Freeform 47">
              <a:extLst>
                <a:ext uri="{FF2B5EF4-FFF2-40B4-BE49-F238E27FC236}">
                  <a16:creationId xmlns:a16="http://schemas.microsoft.com/office/drawing/2014/main" id="{91485A8A-115D-83EB-2632-9DFC07E85DF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2DAFBE75-D269-2E60-38EB-E360457D563A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7" name="Freeform 49">
              <a:extLst>
                <a:ext uri="{FF2B5EF4-FFF2-40B4-BE49-F238E27FC236}">
                  <a16:creationId xmlns:a16="http://schemas.microsoft.com/office/drawing/2014/main" id="{CD50D341-55DC-86B1-6565-1BC1F811438F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674C5059-AAC7-8AC0-E117-784F4C2156A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9" name="Freeform 58">
              <a:extLst>
                <a:ext uri="{FF2B5EF4-FFF2-40B4-BE49-F238E27FC236}">
                  <a16:creationId xmlns:a16="http://schemas.microsoft.com/office/drawing/2014/main" id="{076F7378-B237-8F3F-8D1E-2E95152148B0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0" name="Freeform 61">
              <a:extLst>
                <a:ext uri="{FF2B5EF4-FFF2-40B4-BE49-F238E27FC236}">
                  <a16:creationId xmlns:a16="http://schemas.microsoft.com/office/drawing/2014/main" id="{130C1B1E-CD14-4565-3CD6-CE048785E60F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1" name="Freeform 62">
              <a:extLst>
                <a:ext uri="{FF2B5EF4-FFF2-40B4-BE49-F238E27FC236}">
                  <a16:creationId xmlns:a16="http://schemas.microsoft.com/office/drawing/2014/main" id="{77243AB7-3201-DA7E-1891-6D22BA83A3E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 63">
              <a:extLst>
                <a:ext uri="{FF2B5EF4-FFF2-40B4-BE49-F238E27FC236}">
                  <a16:creationId xmlns:a16="http://schemas.microsoft.com/office/drawing/2014/main" id="{796BEBDD-59D9-0D5E-E20D-599888175AFE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943BE181-D755-08FC-1BC1-E76A87AE2F89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4" name="Freeform 65">
              <a:extLst>
                <a:ext uri="{FF2B5EF4-FFF2-40B4-BE49-F238E27FC236}">
                  <a16:creationId xmlns:a16="http://schemas.microsoft.com/office/drawing/2014/main" id="{372004BE-AFC8-D107-F82E-A3AF2B984C06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C0FCD4CB-0CE4-F430-DEB3-83152BBF44D6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6" name="Freeform 67">
              <a:extLst>
                <a:ext uri="{FF2B5EF4-FFF2-40B4-BE49-F238E27FC236}">
                  <a16:creationId xmlns:a16="http://schemas.microsoft.com/office/drawing/2014/main" id="{F580D5DF-7285-2D50-501E-0225FB24393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74E3BF9F-BECD-EC0D-E199-929E9E2F2D0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8" name="Freeform 70">
              <a:extLst>
                <a:ext uri="{FF2B5EF4-FFF2-40B4-BE49-F238E27FC236}">
                  <a16:creationId xmlns:a16="http://schemas.microsoft.com/office/drawing/2014/main" id="{98682E4B-0098-AB96-04D1-90B78ADC322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9" name="Freeform 71">
              <a:extLst>
                <a:ext uri="{FF2B5EF4-FFF2-40B4-BE49-F238E27FC236}">
                  <a16:creationId xmlns:a16="http://schemas.microsoft.com/office/drawing/2014/main" id="{5C5DFC7A-DFC2-4E09-7120-7D3358E1AE50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10" name="Dynamic legal" descr="{&quot;templafy&quot;:{&quot;id&quot;:&quot;0886f37e-7736-451f-b8f2-d930604796fa&quot;}}">
            <a:extLst>
              <a:ext uri="{FF2B5EF4-FFF2-40B4-BE49-F238E27FC236}">
                <a16:creationId xmlns:a16="http://schemas.microsoft.com/office/drawing/2014/main" id="{33DEA34F-FEC0-29DD-4475-C3D3B9C0C72C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11" name="Dynmic Internal use only" descr="{&quot;templafy&quot;:{&quot;id&quot;:&quot;3f4b359d-c173-44a9-9f1f-02448f25d0eb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9B16330F-B72C-E998-B31F-EDBE5C7C4D6B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76D3D1BA-BE6A-4ECC-982C-CF2F40473536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9715669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093A3340-1A42-61D7-8D5C-9DD7E3936AC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572900" y="0"/>
            <a:ext cx="4571100" cy="6678000"/>
          </a:xfrm>
          <a:custGeom>
            <a:avLst/>
            <a:gdLst>
              <a:gd name="connsiteX0" fmla="*/ 0 w 6094800"/>
              <a:gd name="connsiteY0" fmla="*/ 0 h 6678000"/>
              <a:gd name="connsiteX1" fmla="*/ 6094800 w 6094800"/>
              <a:gd name="connsiteY1" fmla="*/ 0 h 6678000"/>
              <a:gd name="connsiteX2" fmla="*/ 6094800 w 6094800"/>
              <a:gd name="connsiteY2" fmla="*/ 6678000 h 6678000"/>
              <a:gd name="connsiteX3" fmla="*/ 0 w 6094800"/>
              <a:gd name="connsiteY3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094800" h="6678000">
                <a:moveTo>
                  <a:pt x="0" y="0"/>
                </a:moveTo>
                <a:lnTo>
                  <a:pt x="6094800" y="0"/>
                </a:lnTo>
                <a:lnTo>
                  <a:pt x="6094800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11" name="Dynamic legal" descr="{&quot;templafy&quot;:{&quot;id&quot;:&quot;d73d5630-2795-4466-9e73-1b20b2671a28&quot;}}">
            <a:extLst>
              <a:ext uri="{FF2B5EF4-FFF2-40B4-BE49-F238E27FC236}">
                <a16:creationId xmlns:a16="http://schemas.microsoft.com/office/drawing/2014/main" id="{E8D3143F-5189-5DF7-BA08-CAA5EF556D00}"/>
              </a:ext>
            </a:extLst>
          </p:cNvPr>
          <p:cNvSpPr txBox="1"/>
          <p:nvPr userDrawn="1"/>
        </p:nvSpPr>
        <p:spPr>
          <a:xfrm>
            <a:off x="-1191" y="6699516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4" name="Dynmic Internal use only" descr="{&quot;templafy&quot;:{&quot;id&quot;:&quot;14592c9f-8c68-4300-937c-85507d7b40f6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6868431F-84E3-459E-7645-52508A27521D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79CE2367-9FB1-A30D-10D7-6426F69F88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128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FFFB3AB1-876A-432A-B9C9-A577E1DB35D5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498792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FA98F2CF-80FA-91C9-9C37-76C06E2270DE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2686023" y="0"/>
            <a:ext cx="6457977" cy="6678000"/>
          </a:xfrm>
          <a:custGeom>
            <a:avLst/>
            <a:gdLst>
              <a:gd name="connsiteX0" fmla="*/ 0 w 8610636"/>
              <a:gd name="connsiteY0" fmla="*/ 0 h 6678000"/>
              <a:gd name="connsiteX1" fmla="*/ 8610636 w 8610636"/>
              <a:gd name="connsiteY1" fmla="*/ 0 h 6678000"/>
              <a:gd name="connsiteX2" fmla="*/ 8610636 w 8610636"/>
              <a:gd name="connsiteY2" fmla="*/ 6678000 h 6678000"/>
              <a:gd name="connsiteX3" fmla="*/ 4104771 w 8610636"/>
              <a:gd name="connsiteY3" fmla="*/ 6678000 h 6678000"/>
              <a:gd name="connsiteX4" fmla="*/ 4119976 w 8610636"/>
              <a:gd name="connsiteY4" fmla="*/ 6288074 h 6678000"/>
              <a:gd name="connsiteX5" fmla="*/ 1279486 w 8610636"/>
              <a:gd name="connsiteY5" fmla="*/ 740634 h 6678000"/>
              <a:gd name="connsiteX6" fmla="*/ 22298 w 8610636"/>
              <a:gd name="connsiteY6" fmla="*/ 9481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8610636" h="6678000">
                <a:moveTo>
                  <a:pt x="0" y="0"/>
                </a:moveTo>
                <a:lnTo>
                  <a:pt x="8610636" y="0"/>
                </a:lnTo>
                <a:lnTo>
                  <a:pt x="8610636" y="6678000"/>
                </a:lnTo>
                <a:lnTo>
                  <a:pt x="4104771" y="6678000"/>
                </a:lnTo>
                <a:lnTo>
                  <a:pt x="4119976" y="6288074"/>
                </a:lnTo>
                <a:cubicBezTo>
                  <a:pt x="4135895" y="4179220"/>
                  <a:pt x="3158491" y="2102204"/>
                  <a:pt x="1279486" y="740634"/>
                </a:cubicBezTo>
                <a:cubicBezTo>
                  <a:pt x="879946" y="451189"/>
                  <a:pt x="458598" y="207786"/>
                  <a:pt x="22298" y="9481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4536000" tIns="0" rIns="0" anchor="ctr" anchorCtr="0">
            <a:noAutofit/>
          </a:bodyPr>
          <a:lstStyle>
            <a:lvl1pPr marL="0" indent="0" algn="l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10" name="Dynamic legal" descr="{&quot;templafy&quot;:{&quot;id&quot;:&quot;f7cacc4a-1ef8-46f7-b67e-472f3ad04edb&quot;}}">
            <a:extLst>
              <a:ext uri="{FF2B5EF4-FFF2-40B4-BE49-F238E27FC236}">
                <a16:creationId xmlns:a16="http://schemas.microsoft.com/office/drawing/2014/main" id="{C7F84DF7-D681-00DC-9BE7-0B55A0CB1110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8" name="Dynmic Internal use only" descr="{&quot;templafy&quot;:{&quot;id&quot;:&quot;34bc110a-327a-49ce-9071-fad5b7262f38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1EC3995F-7118-BB94-E453-B189BA65B21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DE290701-38EF-D177-6AF7-5E8375E05B2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128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C37FEA25-51BF-4998-A297-66DE4BB68655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328089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86049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/>
          <a:p>
            <a:pPr algn="r"/>
            <a:fld id="{9ADAC07B-454E-4E70-934D-9499026FFC05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732259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7690D69E-A092-71E3-EE69-0F397D7CDEB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799200"/>
            <a:ext cx="8594100" cy="3096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1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86049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/>
          <a:p>
            <a:pPr algn="r"/>
            <a:fld id="{04F91F5F-CF4E-41E6-857D-E791AAD2D959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02191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  <p15:guide id="3" orient="horz" pos="503">
          <p15:clr>
            <a:srgbClr val="A4A3A4"/>
          </p15:clr>
        </p15:guide>
      </p15:sldGuideLst>
    </p:ext>
  </p:extLst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63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6" name="Content Placeholder 6">
            <a:extLst>
              <a:ext uri="{FF2B5EF4-FFF2-40B4-BE49-F238E27FC236}">
                <a16:creationId xmlns:a16="http://schemas.microsoft.com/office/drawing/2014/main" id="{09321395-6E8C-5A2E-4072-17DE8B1C82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638600" y="1548000"/>
            <a:ext cx="42363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/>
          <a:p>
            <a:pPr algn="r"/>
            <a:fld id="{703902F4-8B8E-4A11-9A32-D6D51DECD75A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16811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+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401DCE1F-3AC2-DDC3-E9A6-9C4EDBA5E8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799200"/>
            <a:ext cx="8594100" cy="3096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1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63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6" name="Content Placeholder 6">
            <a:extLst>
              <a:ext uri="{FF2B5EF4-FFF2-40B4-BE49-F238E27FC236}">
                <a16:creationId xmlns:a16="http://schemas.microsoft.com/office/drawing/2014/main" id="{09321395-6E8C-5A2E-4072-17DE8B1C82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638600" y="1548000"/>
            <a:ext cx="42363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/>
          <a:p>
            <a:pPr algn="r"/>
            <a:fld id="{0B87BD72-4B57-4A68-90CC-790A64C23306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585073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  <p15:guide id="3" orient="horz" pos="50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6868430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 userDrawn="1">
          <p15:clr>
            <a:srgbClr val="A4A3A4"/>
          </p15:clr>
        </p15:guide>
        <p15:guide id="2" orient="horz" pos="3735" userDrawn="1">
          <p15:clr>
            <a:srgbClr val="A4A3A4"/>
          </p15:clr>
        </p15:guide>
      </p15:sldGuideLst>
    </p:ext>
  </p:extLst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70000" y="1548000"/>
            <a:ext cx="2778300" cy="43776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183300" y="1548000"/>
            <a:ext cx="2778300" cy="43776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096600" y="1548000"/>
            <a:ext cx="2778300" cy="43776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2C847E6-A193-E0D3-AEBC-4655DDD81D7E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/>
          <a:p>
            <a:pPr algn="r"/>
            <a:fld id="{9B7481D9-D467-49B4-9BB0-47C5A98F22B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7908891-190B-6BC3-437F-0AC310A7747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A71E20-872F-F5BC-E21E-27661D22194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988316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3">
          <p15:clr>
            <a:srgbClr val="A4A3A4"/>
          </p15:clr>
        </p15:guide>
      </p15:sldGuideLst>
    </p:ext>
  </p:extLst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392C5249-9040-41B4-1E81-409B0CBABD8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638676" y="0"/>
            <a:ext cx="4505324" cy="6678000"/>
          </a:xfrm>
          <a:custGeom>
            <a:avLst/>
            <a:gdLst>
              <a:gd name="connsiteX0" fmla="*/ 0 w 6007098"/>
              <a:gd name="connsiteY0" fmla="*/ 0 h 6678000"/>
              <a:gd name="connsiteX1" fmla="*/ 6007098 w 6007098"/>
              <a:gd name="connsiteY1" fmla="*/ 0 h 6678000"/>
              <a:gd name="connsiteX2" fmla="*/ 6007098 w 6007098"/>
              <a:gd name="connsiteY2" fmla="*/ 6678000 h 6678000"/>
              <a:gd name="connsiteX3" fmla="*/ 0 w 6007098"/>
              <a:gd name="connsiteY3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007098" h="6678000">
                <a:moveTo>
                  <a:pt x="0" y="0"/>
                </a:moveTo>
                <a:lnTo>
                  <a:pt x="6007098" y="0"/>
                </a:lnTo>
                <a:lnTo>
                  <a:pt x="6007098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5325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fld id="{4417EFC9-DA1A-4E1B-9B5E-C63C377D58CA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366147" y="6318000"/>
            <a:ext cx="204767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441322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143DDFEA-7FDA-2AAD-1A0F-C08F96949B4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639866" y="356400"/>
            <a:ext cx="4235034" cy="55656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5325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61F5001-0950-4321-04ED-377B1C28BD3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C72E58D9-D2BA-4768-800B-1629F73991F2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1A6B237-376D-FBB9-C58C-BDD6F632CABF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65F2533-8E44-99FF-9158-86A94D16860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957932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C22FDDB-B6BB-2D1D-4EB4-8E54F77638B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5189096" y="0"/>
            <a:ext cx="3954905" cy="6678000"/>
          </a:xfrm>
          <a:custGeom>
            <a:avLst/>
            <a:gdLst>
              <a:gd name="connsiteX0" fmla="*/ 1004362 w 5273207"/>
              <a:gd name="connsiteY0" fmla="*/ 0 h 6678000"/>
              <a:gd name="connsiteX1" fmla="*/ 5273207 w 5273207"/>
              <a:gd name="connsiteY1" fmla="*/ 0 h 6678000"/>
              <a:gd name="connsiteX2" fmla="*/ 5273207 w 5273207"/>
              <a:gd name="connsiteY2" fmla="*/ 6678000 h 6678000"/>
              <a:gd name="connsiteX3" fmla="*/ 0 w 5273207"/>
              <a:gd name="connsiteY3" fmla="*/ 6678000 h 6678000"/>
              <a:gd name="connsiteX4" fmla="*/ 23422 w 5273207"/>
              <a:gd name="connsiteY4" fmla="*/ 6301100 h 6678000"/>
              <a:gd name="connsiteX5" fmla="*/ 1022090 w 5273207"/>
              <a:gd name="connsiteY5" fmla="*/ 15687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5273207" h="6678000">
                <a:moveTo>
                  <a:pt x="1004362" y="0"/>
                </a:moveTo>
                <a:lnTo>
                  <a:pt x="5273207" y="0"/>
                </a:lnTo>
                <a:lnTo>
                  <a:pt x="5273207" y="6678000"/>
                </a:lnTo>
                <a:lnTo>
                  <a:pt x="0" y="6678000"/>
                </a:lnTo>
                <a:lnTo>
                  <a:pt x="23422" y="6301100"/>
                </a:lnTo>
                <a:cubicBezTo>
                  <a:pt x="204269" y="4293714"/>
                  <a:pt x="1188942" y="2196400"/>
                  <a:pt x="1022090" y="15687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5325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fld id="{0FBD7CB9-8021-494E-A424-2B62AEEBEBD8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366147" y="6318000"/>
            <a:ext cx="204767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85569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2778300" cy="2610000"/>
          </a:xfrm>
        </p:spPr>
        <p:txBody>
          <a:bodyPr/>
          <a:lstStyle>
            <a:lvl1pPr>
              <a:defRPr sz="1800"/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70000" y="33156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183300" y="3600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3183300" y="33156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DDB3A432-B5B7-1DB6-A154-728FC5E0DDA2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6096600" y="3600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A5080388-917E-C36A-04A1-C8069CBFA980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6096600" y="33156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FB77C07A-1F65-CF77-492D-DBD0BF9AC6D0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/>
          <a:p>
            <a:pPr algn="r"/>
            <a:fld id="{1A1E274E-1963-499E-B1ED-F4264282D18A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31C8A68B-09F1-8A01-0B41-B749EB75BDF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D4DB7C6-4824-1E64-7E62-3A8BAB08238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725900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3">
          <p15:clr>
            <a:srgbClr val="A4A3A4"/>
          </p15:clr>
        </p15:guide>
        <p15:guide id="3" orient="horz" pos="2088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2049300" cy="2610000"/>
          </a:xfrm>
        </p:spPr>
        <p:txBody>
          <a:bodyPr/>
          <a:lstStyle>
            <a:lvl1pPr>
              <a:defRPr sz="1800"/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70000" y="33156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2454300" y="3600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2454300" y="33156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DDB3A432-B5B7-1DB6-A154-728FC5E0DDA2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4639866" y="3600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A5080388-917E-C36A-04A1-C8069CBFA980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4639866" y="33156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FB77C07A-1F65-CF77-492D-DBD0BF9AC6D0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/>
          <a:p>
            <a:pPr algn="r"/>
            <a:fld id="{B13CAF06-FF06-45E6-B42F-F1B2804BE0B7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31C8A68B-09F1-8A01-0B41-B749EB75BDF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D4DB7C6-4824-1E64-7E62-3A8BAB08238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Content Placeholder 4">
            <a:extLst>
              <a:ext uri="{FF2B5EF4-FFF2-40B4-BE49-F238E27FC236}">
                <a16:creationId xmlns:a16="http://schemas.microsoft.com/office/drawing/2014/main" id="{3DBDC930-EF32-F81E-E492-F1792A03922C}"/>
              </a:ext>
            </a:extLst>
          </p:cNvPr>
          <p:cNvSpPr>
            <a:spLocks noGrp="1"/>
          </p:cNvSpPr>
          <p:nvPr>
            <p:ph sz="half" idx="22" hasCustomPrompt="1"/>
          </p:nvPr>
        </p:nvSpPr>
        <p:spPr>
          <a:xfrm>
            <a:off x="6825600" y="3600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1FBB305-A006-8062-DB21-A7051AB973F8}"/>
              </a:ext>
            </a:extLst>
          </p:cNvPr>
          <p:cNvSpPr>
            <a:spLocks noGrp="1"/>
          </p:cNvSpPr>
          <p:nvPr>
            <p:ph sz="half" idx="23" hasCustomPrompt="1"/>
          </p:nvPr>
        </p:nvSpPr>
        <p:spPr>
          <a:xfrm>
            <a:off x="6825600" y="33156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7839059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3">
          <p15:clr>
            <a:srgbClr val="A4A3A4"/>
          </p15:clr>
        </p15:guide>
        <p15:guide id="3" orient="horz" pos="2088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Editori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9144000" cy="6858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accent1"/>
              </a:solidFill>
            </a:endParaRPr>
          </a:p>
        </p:txBody>
      </p:sp>
      <p:sp>
        <p:nvSpPr>
          <p:cNvPr id="7" name="Freeform 5">
            <a:extLst>
              <a:ext uri="{FF2B5EF4-FFF2-40B4-BE49-F238E27FC236}">
                <a16:creationId xmlns:a16="http://schemas.microsoft.com/office/drawing/2014/main" id="{E4699E2A-611B-A40B-7262-67592C0A26FB}"/>
              </a:ext>
            </a:extLst>
          </p:cNvPr>
          <p:cNvSpPr>
            <a:spLocks noChangeAspect="1"/>
          </p:cNvSpPr>
          <p:nvPr userDrawn="1"/>
        </p:nvSpPr>
        <p:spPr bwMode="auto">
          <a:xfrm>
            <a:off x="5305500" y="572400"/>
            <a:ext cx="3349195" cy="3801600"/>
          </a:xfrm>
          <a:custGeom>
            <a:avLst/>
            <a:gdLst>
              <a:gd name="T0" fmla="*/ 2236 w 2539"/>
              <a:gd name="T1" fmla="*/ 923 h 1785"/>
              <a:gd name="T2" fmla="*/ 2539 w 2539"/>
              <a:gd name="T3" fmla="*/ 0 h 1785"/>
              <a:gd name="T4" fmla="*/ 1358 w 2539"/>
              <a:gd name="T5" fmla="*/ 70 h 1785"/>
              <a:gd name="T6" fmla="*/ 1358 w 2539"/>
              <a:gd name="T7" fmla="*/ 70 h 1785"/>
              <a:gd name="T8" fmla="*/ 433 w 2539"/>
              <a:gd name="T9" fmla="*/ 493 h 1785"/>
              <a:gd name="T10" fmla="*/ 133 w 2539"/>
              <a:gd name="T11" fmla="*/ 1785 h 1785"/>
              <a:gd name="T12" fmla="*/ 2236 w 2539"/>
              <a:gd name="T13" fmla="*/ 923 h 17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2539" h="1785">
                <a:moveTo>
                  <a:pt x="2236" y="923"/>
                </a:moveTo>
                <a:cubicBezTo>
                  <a:pt x="2412" y="644"/>
                  <a:pt x="2485" y="348"/>
                  <a:pt x="2539" y="0"/>
                </a:cubicBezTo>
                <a:cubicBezTo>
                  <a:pt x="2122" y="57"/>
                  <a:pt x="1752" y="49"/>
                  <a:pt x="1358" y="70"/>
                </a:cubicBezTo>
                <a:cubicBezTo>
                  <a:pt x="1358" y="70"/>
                  <a:pt x="1358" y="70"/>
                  <a:pt x="1358" y="70"/>
                </a:cubicBezTo>
                <a:cubicBezTo>
                  <a:pt x="1018" y="82"/>
                  <a:pt x="683" y="224"/>
                  <a:pt x="433" y="493"/>
                </a:cubicBezTo>
                <a:cubicBezTo>
                  <a:pt x="98" y="852"/>
                  <a:pt x="0" y="1347"/>
                  <a:pt x="133" y="1785"/>
                </a:cubicBezTo>
                <a:cubicBezTo>
                  <a:pt x="737" y="1392"/>
                  <a:pt x="1809" y="1629"/>
                  <a:pt x="2236" y="923"/>
                </a:cubicBezTo>
              </a:path>
            </a:pathLst>
          </a:custGeom>
          <a:noFill/>
          <a:ln w="234950" cap="flat">
            <a:solidFill>
              <a:srgbClr val="0033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2" name="Dynamic legal" descr="{&quot;templafy&quot;:{&quot;id&quot;:&quot;45a48532-1f58-4e5d-8578-32c61aadf26c&quot;}}">
            <a:extLst>
              <a:ext uri="{FF2B5EF4-FFF2-40B4-BE49-F238E27FC236}">
                <a16:creationId xmlns:a16="http://schemas.microsoft.com/office/drawing/2014/main" id="{44650877-32D6-7E1B-F6ED-1DE6A3CC5339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9" name="Dynmic Internal use only" descr="{&quot;templafy&quot;:{&quot;id&quot;:&quot;de5ef827-3d18-4a97-88b1-06bff54580b4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826ABC8B-D401-B48B-E360-DA971C9561F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1584F6CB-29A1-7808-AF1C-5572632F82B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11" name="Title 10">
            <a:extLst>
              <a:ext uri="{FF2B5EF4-FFF2-40B4-BE49-F238E27FC236}">
                <a16:creationId xmlns:a16="http://schemas.microsoft.com/office/drawing/2014/main" id="{9B5E0337-74F5-4572-A0BC-0CB01539BB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720000"/>
            <a:ext cx="4962600" cy="5205600"/>
          </a:xfrm>
        </p:spPr>
        <p:txBody>
          <a:bodyPr anchor="ctr" anchorCtr="0"/>
          <a:lstStyle>
            <a:lvl1pPr>
              <a:defRPr sz="405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C2599380-1DE0-4032-8103-13724E4409B0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AE59745-F918-859C-7D59-276B365808B8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112431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Editori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91440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Freeform 5">
            <a:extLst>
              <a:ext uri="{FF2B5EF4-FFF2-40B4-BE49-F238E27FC236}">
                <a16:creationId xmlns:a16="http://schemas.microsoft.com/office/drawing/2014/main" id="{F17530DC-C270-8440-B406-E54DC6D4D3C4}"/>
              </a:ext>
            </a:extLst>
          </p:cNvPr>
          <p:cNvSpPr>
            <a:spLocks noChangeAspect="1"/>
          </p:cNvSpPr>
          <p:nvPr userDrawn="1"/>
        </p:nvSpPr>
        <p:spPr bwMode="auto">
          <a:xfrm>
            <a:off x="5305500" y="572400"/>
            <a:ext cx="3349195" cy="3801600"/>
          </a:xfrm>
          <a:custGeom>
            <a:avLst/>
            <a:gdLst>
              <a:gd name="T0" fmla="*/ 2236 w 2539"/>
              <a:gd name="T1" fmla="*/ 923 h 1785"/>
              <a:gd name="T2" fmla="*/ 2539 w 2539"/>
              <a:gd name="T3" fmla="*/ 0 h 1785"/>
              <a:gd name="T4" fmla="*/ 1358 w 2539"/>
              <a:gd name="T5" fmla="*/ 70 h 1785"/>
              <a:gd name="T6" fmla="*/ 1358 w 2539"/>
              <a:gd name="T7" fmla="*/ 70 h 1785"/>
              <a:gd name="T8" fmla="*/ 433 w 2539"/>
              <a:gd name="T9" fmla="*/ 493 h 1785"/>
              <a:gd name="T10" fmla="*/ 133 w 2539"/>
              <a:gd name="T11" fmla="*/ 1785 h 1785"/>
              <a:gd name="T12" fmla="*/ 2236 w 2539"/>
              <a:gd name="T13" fmla="*/ 923 h 17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2539" h="1785">
                <a:moveTo>
                  <a:pt x="2236" y="923"/>
                </a:moveTo>
                <a:cubicBezTo>
                  <a:pt x="2412" y="644"/>
                  <a:pt x="2485" y="348"/>
                  <a:pt x="2539" y="0"/>
                </a:cubicBezTo>
                <a:cubicBezTo>
                  <a:pt x="2122" y="57"/>
                  <a:pt x="1752" y="49"/>
                  <a:pt x="1358" y="70"/>
                </a:cubicBezTo>
                <a:cubicBezTo>
                  <a:pt x="1358" y="70"/>
                  <a:pt x="1358" y="70"/>
                  <a:pt x="1358" y="70"/>
                </a:cubicBezTo>
                <a:cubicBezTo>
                  <a:pt x="1018" y="82"/>
                  <a:pt x="683" y="224"/>
                  <a:pt x="433" y="493"/>
                </a:cubicBezTo>
                <a:cubicBezTo>
                  <a:pt x="98" y="852"/>
                  <a:pt x="0" y="1347"/>
                  <a:pt x="133" y="1785"/>
                </a:cubicBezTo>
                <a:cubicBezTo>
                  <a:pt x="737" y="1392"/>
                  <a:pt x="1809" y="1629"/>
                  <a:pt x="2236" y="923"/>
                </a:cubicBezTo>
              </a:path>
            </a:pathLst>
          </a:custGeom>
          <a:noFill/>
          <a:ln w="234950" cap="flat">
            <a:solidFill>
              <a:srgbClr val="A1F7A1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7" name="Dynamic legal" descr="{&quot;templafy&quot;:{&quot;id&quot;:&quot;7b7e9177-b561-4744-81fe-445200994561&quot;}}">
            <a:extLst>
              <a:ext uri="{FF2B5EF4-FFF2-40B4-BE49-F238E27FC236}">
                <a16:creationId xmlns:a16="http://schemas.microsoft.com/office/drawing/2014/main" id="{750DA6EF-28FF-F861-908A-1BA155614866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0" name="Dynmic Internal use only" descr="{&quot;templafy&quot;:{&quot;id&quot;:&quot;4e00555a-12f9-4df8-adfd-6f3f681d0d41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DAF48A78-F623-3E25-C4D9-4B11ECABA5D2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1584F6CB-29A1-7808-AF1C-5572632F82B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9" name="Title 10">
            <a:extLst>
              <a:ext uri="{FF2B5EF4-FFF2-40B4-BE49-F238E27FC236}">
                <a16:creationId xmlns:a16="http://schemas.microsoft.com/office/drawing/2014/main" id="{8803E168-A7F5-7A70-1769-1664A5AE35D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720000"/>
            <a:ext cx="4962600" cy="5205600"/>
          </a:xfrm>
        </p:spPr>
        <p:txBody>
          <a:bodyPr anchor="ctr" anchorCtr="0"/>
          <a:lstStyle>
            <a:lvl1pPr>
              <a:defRPr sz="405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FF454A68-076E-4240-85BA-7EDB777D9DAD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AE59745-F918-859C-7D59-276B365808B8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16551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Editori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9144000" cy="6858000"/>
          </a:xfrm>
          <a:prstGeom prst="rect">
            <a:avLst/>
          </a:prstGeom>
          <a:solidFill>
            <a:srgbClr val="FF4D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Freeform 5">
            <a:extLst>
              <a:ext uri="{FF2B5EF4-FFF2-40B4-BE49-F238E27FC236}">
                <a16:creationId xmlns:a16="http://schemas.microsoft.com/office/drawing/2014/main" id="{0FAB332B-DE62-6465-7673-AEE0B8217C50}"/>
              </a:ext>
            </a:extLst>
          </p:cNvPr>
          <p:cNvSpPr>
            <a:spLocks noChangeAspect="1"/>
          </p:cNvSpPr>
          <p:nvPr userDrawn="1"/>
        </p:nvSpPr>
        <p:spPr bwMode="auto">
          <a:xfrm>
            <a:off x="5305500" y="572400"/>
            <a:ext cx="3349195" cy="3801600"/>
          </a:xfrm>
          <a:custGeom>
            <a:avLst/>
            <a:gdLst>
              <a:gd name="T0" fmla="*/ 2236 w 2539"/>
              <a:gd name="T1" fmla="*/ 923 h 1785"/>
              <a:gd name="T2" fmla="*/ 2539 w 2539"/>
              <a:gd name="T3" fmla="*/ 0 h 1785"/>
              <a:gd name="T4" fmla="*/ 1358 w 2539"/>
              <a:gd name="T5" fmla="*/ 70 h 1785"/>
              <a:gd name="T6" fmla="*/ 1358 w 2539"/>
              <a:gd name="T7" fmla="*/ 70 h 1785"/>
              <a:gd name="T8" fmla="*/ 433 w 2539"/>
              <a:gd name="T9" fmla="*/ 493 h 1785"/>
              <a:gd name="T10" fmla="*/ 133 w 2539"/>
              <a:gd name="T11" fmla="*/ 1785 h 1785"/>
              <a:gd name="T12" fmla="*/ 2236 w 2539"/>
              <a:gd name="T13" fmla="*/ 923 h 17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2539" h="1785">
                <a:moveTo>
                  <a:pt x="2236" y="923"/>
                </a:moveTo>
                <a:cubicBezTo>
                  <a:pt x="2412" y="644"/>
                  <a:pt x="2485" y="348"/>
                  <a:pt x="2539" y="0"/>
                </a:cubicBezTo>
                <a:cubicBezTo>
                  <a:pt x="2122" y="57"/>
                  <a:pt x="1752" y="49"/>
                  <a:pt x="1358" y="70"/>
                </a:cubicBezTo>
                <a:cubicBezTo>
                  <a:pt x="1358" y="70"/>
                  <a:pt x="1358" y="70"/>
                  <a:pt x="1358" y="70"/>
                </a:cubicBezTo>
                <a:cubicBezTo>
                  <a:pt x="1018" y="82"/>
                  <a:pt x="683" y="224"/>
                  <a:pt x="433" y="493"/>
                </a:cubicBezTo>
                <a:cubicBezTo>
                  <a:pt x="98" y="852"/>
                  <a:pt x="0" y="1347"/>
                  <a:pt x="133" y="1785"/>
                </a:cubicBezTo>
                <a:cubicBezTo>
                  <a:pt x="737" y="1392"/>
                  <a:pt x="1809" y="1629"/>
                  <a:pt x="2236" y="923"/>
                </a:cubicBezTo>
              </a:path>
            </a:pathLst>
          </a:custGeom>
          <a:noFill/>
          <a:ln w="234950" cap="flat">
            <a:solidFill>
              <a:srgbClr val="FAA163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7" name="Dynamic legal" descr="{&quot;templafy&quot;:{&quot;id&quot;:&quot;746bb91e-8c9c-4744-a790-8dba2d39ad6a&quot;}}">
            <a:extLst>
              <a:ext uri="{FF2B5EF4-FFF2-40B4-BE49-F238E27FC236}">
                <a16:creationId xmlns:a16="http://schemas.microsoft.com/office/drawing/2014/main" id="{6853365F-9A9F-4E09-6106-1AC7E55A588D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0" name="Dynmic Internal use only" descr="{&quot;templafy&quot;:{&quot;id&quot;:&quot;3401b840-90a5-4efb-8f57-3340a51a468b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9B19D9B9-ADDF-4EF7-3401-AAC8C92A96BE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1584F6CB-29A1-7808-AF1C-5572632F82B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9" name="Title 10">
            <a:extLst>
              <a:ext uri="{FF2B5EF4-FFF2-40B4-BE49-F238E27FC236}">
                <a16:creationId xmlns:a16="http://schemas.microsoft.com/office/drawing/2014/main" id="{0040CB02-88B9-FCF1-B638-BE95086421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720000"/>
            <a:ext cx="4962600" cy="5205600"/>
          </a:xfrm>
        </p:spPr>
        <p:txBody>
          <a:bodyPr anchor="ctr" anchorCtr="0"/>
          <a:lstStyle>
            <a:lvl1pPr>
              <a:defRPr sz="405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C90268EB-1598-4A4E-B0BC-DADA0D37159F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AE59745-F918-859C-7D59-276B365808B8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529087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Thanks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3120684B-8D00-7903-A1FF-C0875815BAA8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579511" y="0"/>
            <a:ext cx="4574575" cy="6858000"/>
          </a:xfrm>
          <a:custGeom>
            <a:avLst/>
            <a:gdLst>
              <a:gd name="connsiteX0" fmla="*/ 254264 w 6099433"/>
              <a:gd name="connsiteY0" fmla="*/ 0 h 6858000"/>
              <a:gd name="connsiteX1" fmla="*/ 6099433 w 6099433"/>
              <a:gd name="connsiteY1" fmla="*/ 0 h 6858000"/>
              <a:gd name="connsiteX2" fmla="*/ 6099433 w 6099433"/>
              <a:gd name="connsiteY2" fmla="*/ 6858000 h 6858000"/>
              <a:gd name="connsiteX3" fmla="*/ 6085986 w 6099433"/>
              <a:gd name="connsiteY3" fmla="*/ 6858000 h 6858000"/>
              <a:gd name="connsiteX4" fmla="*/ 6085986 w 6099433"/>
              <a:gd name="connsiteY4" fmla="*/ 6678000 h 6858000"/>
              <a:gd name="connsiteX5" fmla="*/ 2055716 w 6099433"/>
              <a:gd name="connsiteY5" fmla="*/ 6678000 h 6858000"/>
              <a:gd name="connsiteX6" fmla="*/ 2030900 w 6099433"/>
              <a:gd name="connsiteY6" fmla="*/ 6634513 h 6858000"/>
              <a:gd name="connsiteX7" fmla="*/ 31970 w 6099433"/>
              <a:gd name="connsiteY7" fmla="*/ 1935353 h 6858000"/>
              <a:gd name="connsiteX8" fmla="*/ 254264 w 6099433"/>
              <a:gd name="connsiteY8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6099433" h="6858000">
                <a:moveTo>
                  <a:pt x="254264" y="0"/>
                </a:moveTo>
                <a:lnTo>
                  <a:pt x="6099433" y="0"/>
                </a:lnTo>
                <a:lnTo>
                  <a:pt x="6099433" y="6858000"/>
                </a:lnTo>
                <a:lnTo>
                  <a:pt x="6085986" y="6858000"/>
                </a:lnTo>
                <a:lnTo>
                  <a:pt x="6085986" y="6678000"/>
                </a:lnTo>
                <a:lnTo>
                  <a:pt x="2055716" y="6678000"/>
                </a:lnTo>
                <a:lnTo>
                  <a:pt x="2030900" y="6634513"/>
                </a:lnTo>
                <a:cubicBezTo>
                  <a:pt x="1593147" y="5864395"/>
                  <a:pt x="180714" y="3293880"/>
                  <a:pt x="31970" y="1935353"/>
                </a:cubicBezTo>
                <a:cubicBezTo>
                  <a:pt x="-60800" y="1087755"/>
                  <a:pt x="58965" y="459359"/>
                  <a:pt x="2542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576000" bIns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5" name="Dynamic legal" descr="{&quot;templafy&quot;:{&quot;id&quot;:&quot;f274dc69-ebba-4494-b976-69d43c5143c8&quot;}}">
            <a:extLst>
              <a:ext uri="{FF2B5EF4-FFF2-40B4-BE49-F238E27FC236}">
                <a16:creationId xmlns:a16="http://schemas.microsoft.com/office/drawing/2014/main" id="{389C2A1C-382C-1E29-DC3F-F948DA27C976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9" name="Dynmic Internal use only" descr="{&quot;templafy&quot;:{&quot;id&quot;:&quot;3c6e427e-30dd-4101-a700-cca819eb3fc0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EACDB44D-A22A-0289-65F4-C7FFF935C500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15800" y="1428751"/>
            <a:ext cx="5544469" cy="3484563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3368DB42-4F95-DED9-B2DB-110851A92C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1" y="5745148"/>
            <a:ext cx="1047600" cy="758677"/>
          </a:xfrm>
          <a:prstGeom prst="rect">
            <a:avLst/>
          </a:prstGeom>
        </p:spPr>
      </p:pic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33BF2B2-742D-5FFD-D23F-C79D4FA1E824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67CAFB8-3619-43C2-BE52-370F7954903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7398FFA-EE82-A1C1-2C91-1BA6B30F654F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98FD76-5104-AD9D-2BAF-2849AA9C0938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5977231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2" orient="horz" pos="3095">
          <p15:clr>
            <a:srgbClr val="A4A3A4"/>
          </p15:clr>
        </p15:guide>
        <p15:guide id="3" orient="horz" pos="900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0284121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2880" userDrawn="1">
          <p15:clr>
            <a:srgbClr val="FBAE40"/>
          </p15:clr>
        </p15:guide>
      </p15:sldGuideLst>
    </p:ext>
  </p:extLst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B738965-D44B-29BA-39C0-2E8B3AA524C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/>
          <a:p>
            <a:pPr algn="r"/>
            <a:fld id="{EF2F0306-B6A9-49A4-8F13-1E652FC31519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45057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DE7C7C7-70A7-FB30-223A-CB2357C229C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/>
          <a:p>
            <a:pPr algn="r"/>
            <a:fld id="{3E14D1F4-9096-498E-AA38-B43712BBDCA5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72A712-3FB5-BB07-6772-0C564A5FD3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F7E808F-8C95-AF3A-F901-FCC3D3D2EBCF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12137647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Box 4">
            <a:extLst>
              <a:ext uri="{FF2B5EF4-FFF2-40B4-BE49-F238E27FC236}">
                <a16:creationId xmlns:a16="http://schemas.microsoft.com/office/drawing/2014/main" id="{E2E20571-3CD4-BCCB-FDD3-C02735CE103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103070" y="1158428"/>
            <a:ext cx="2167807" cy="3943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450"/>
              </a:spcAft>
              <a:defRPr/>
            </a:pPr>
            <a:endParaRPr lang="en-US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105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6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6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6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6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600" b="1" i="0" u="sng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When presentation is done, open an empty presentation (press Ctrl+N). Copy all slides from presentation, paste them into empty one. This will ensure that there are no extra layouts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endParaRPr lang="en-US" altLang="da-DK" sz="6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1050" kern="1200" cap="all" baseline="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lor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Theme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 th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mpany color, Accent 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1-6 is the color that th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harts and SmartArt us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Gradients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PPT standard colors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ustom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 th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lor to use in icons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Standard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PPT standard colors</a:t>
            </a:r>
            <a:endParaRPr lang="en-US" sz="1350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386B521F-7854-3AC6-2DFC-66EB734B006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70033" y="4675068"/>
            <a:ext cx="890705" cy="1685854"/>
          </a:xfrm>
          <a:prstGeom prst="rect">
            <a:avLst/>
          </a:prstGeom>
        </p:spPr>
      </p:pic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269082" y="358776"/>
            <a:ext cx="833199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2400" b="0" noProof="1">
                <a:solidFill>
                  <a:schemeClr val="tx1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  <a:endParaRPr lang="en-US" sz="1350" dirty="0"/>
          </a:p>
        </p:txBody>
      </p:sp>
      <p:sp>
        <p:nvSpPr>
          <p:cNvPr id="3" name="Text Box 2">
            <a:extLst>
              <a:ext uri="{FF2B5EF4-FFF2-40B4-BE49-F238E27FC236}">
                <a16:creationId xmlns:a16="http://schemas.microsoft.com/office/drawing/2014/main" id="{DD1533B4-EF59-9409-9963-5CD901F1DC4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69081" y="1158429"/>
            <a:ext cx="2052000" cy="3926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latin typeface="+mn-lt"/>
                <a:cs typeface="Verdana" panose="020B0604030504040204" pitchFamily="34" charset="0"/>
              </a:rPr>
              <a:t>TEXT STYLES</a:t>
            </a:r>
            <a:endParaRPr lang="en-US" altLang="da-DK" sz="105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US" sz="600" b="1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sz="6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US" sz="6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US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US" sz="6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endParaRPr lang="en-US" sz="60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Use bullet button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Delete bullet for regular text.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on the bullet button to reaply the correct bullet again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675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1050" dirty="0">
                <a:latin typeface="+mn-lt"/>
                <a:cs typeface="Verdana" panose="020B0604030504040204" pitchFamily="34" charset="0"/>
              </a:rPr>
              <a:t>SLIDES &amp; LAYOUTS</a:t>
            </a:r>
            <a:br>
              <a:rPr lang="en-US" altLang="da-DK" sz="675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75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600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Click on the arrow next to </a:t>
            </a:r>
            <a:r>
              <a:rPr lang="en-US" sz="600" b="1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Layout </a:t>
            </a:r>
            <a:r>
              <a:rPr lang="en-US" sz="600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to view a dropdown menu of possible slide layouts</a:t>
            </a:r>
            <a:b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Reset slide</a:t>
            </a:r>
            <a:endParaRPr lang="en-US" sz="600" dirty="0"/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6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US" altLang="da-DK" sz="6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US" altLang="da-DK" sz="6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  <a:endParaRPr lang="en-US" sz="1350"/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endParaRPr lang="en-US" altLang="da-DK" sz="60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sz="1050" dirty="0">
                <a:latin typeface="+mn-lt"/>
                <a:cs typeface="Verdana" panose="020B0604030504040204" pitchFamily="34" charset="0"/>
              </a:rPr>
              <a:t>GRIDLINES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US" altLang="da-DK" sz="6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endParaRPr lang="en-US" altLang="da-DK" sz="675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</p:txBody>
      </p:sp>
      <p:pic>
        <p:nvPicPr>
          <p:cNvPr id="4" name="Picture 2">
            <a:extLst>
              <a:ext uri="{FF2B5EF4-FFF2-40B4-BE49-F238E27FC236}">
                <a16:creationId xmlns:a16="http://schemas.microsoft.com/office/drawing/2014/main" id="{206C40C9-5CF1-CCAF-F622-3E4A91B39882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247138" y="2730085"/>
            <a:ext cx="192857" cy="285714"/>
          </a:xfrm>
          <a:prstGeom prst="rect">
            <a:avLst/>
          </a:prstGeom>
        </p:spPr>
      </p:pic>
      <p:pic>
        <p:nvPicPr>
          <p:cNvPr id="5" name="Picture 29">
            <a:extLst>
              <a:ext uri="{FF2B5EF4-FFF2-40B4-BE49-F238E27FC236}">
                <a16:creationId xmlns:a16="http://schemas.microsoft.com/office/drawing/2014/main" id="{8CC33CD9-EC9E-CAF0-0F73-DAB1AF5DB56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247544" y="2107633"/>
            <a:ext cx="342857" cy="257143"/>
          </a:xfrm>
          <a:prstGeom prst="rect">
            <a:avLst/>
          </a:prstGeom>
        </p:spPr>
      </p:pic>
      <p:pic>
        <p:nvPicPr>
          <p:cNvPr id="6" name="Picture 16">
            <a:extLst>
              <a:ext uri="{FF2B5EF4-FFF2-40B4-BE49-F238E27FC236}">
                <a16:creationId xmlns:a16="http://schemas.microsoft.com/office/drawing/2014/main" id="{C99C8939-A102-1CFF-E2E6-F3086BC21F95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251954" y="3678076"/>
            <a:ext cx="246661" cy="505501"/>
          </a:xfrm>
          <a:prstGeom prst="rect">
            <a:avLst/>
          </a:prstGeom>
        </p:spPr>
      </p:pic>
      <p:pic>
        <p:nvPicPr>
          <p:cNvPr id="7" name="Picture 20">
            <a:extLst>
              <a:ext uri="{FF2B5EF4-FFF2-40B4-BE49-F238E27FC236}">
                <a16:creationId xmlns:a16="http://schemas.microsoft.com/office/drawing/2014/main" id="{4B31AD51-13DB-66BB-0F54-7830F1476354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251954" y="4892752"/>
            <a:ext cx="403849" cy="17284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1C6B78E-2FEA-9A0D-FD04-670650C7BF2B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251953" y="4404845"/>
            <a:ext cx="356571" cy="176762"/>
          </a:xfrm>
          <a:prstGeom prst="rect">
            <a:avLst/>
          </a:prstGeom>
        </p:spPr>
      </p:pic>
      <p:sp>
        <p:nvSpPr>
          <p:cNvPr id="9" name="Text Box 3">
            <a:extLst>
              <a:ext uri="{FF2B5EF4-FFF2-40B4-BE49-F238E27FC236}">
                <a16:creationId xmlns:a16="http://schemas.microsoft.com/office/drawing/2014/main" id="{ED94339F-4657-3DBA-70AA-5440984DF9E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053438" y="1158429"/>
            <a:ext cx="2167808" cy="399724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90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latin typeface="+mn-lt"/>
                <a:cs typeface="Verdana" panose="020B0604030504040204" pitchFamily="34" charset="0"/>
              </a:rPr>
              <a:t>PICTURES</a:t>
            </a:r>
            <a:br>
              <a:rPr lang="en-US" sz="675" dirty="0">
                <a:latin typeface="+mn-lt"/>
                <a:cs typeface="Verdana" panose="020B0604030504040204" pitchFamily="34" charset="0"/>
              </a:rPr>
            </a:b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US" altLang="da-DK" sz="6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button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US" altLang="da-DK" sz="600" b="0" i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US" altLang="da-DK" sz="60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endParaRPr lang="en-US" altLang="da-DK" sz="600" b="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 picture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</a:t>
            </a:r>
            <a:endParaRPr lang="en-US" sz="600" dirty="0"/>
          </a:p>
          <a:p>
            <a:pPr eaLnBrk="1" hangingPunct="1">
              <a:spcBef>
                <a:spcPts val="900"/>
              </a:spcBef>
              <a:spcAft>
                <a:spcPts val="450"/>
              </a:spcAft>
              <a:defRPr/>
            </a:pP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rop picture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endParaRPr lang="en-US" altLang="da-DK" sz="6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this happens, select the picture, right-click and choos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end to Back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endParaRPr lang="en-US" altLang="da-DK" sz="600" b="1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b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75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endParaRPr lang="en-US" sz="600" dirty="0"/>
          </a:p>
        </p:txBody>
      </p:sp>
      <p:grpSp>
        <p:nvGrpSpPr>
          <p:cNvPr id="10" name="Gruppe 25">
            <a:extLst>
              <a:ext uri="{FF2B5EF4-FFF2-40B4-BE49-F238E27FC236}">
                <a16:creationId xmlns:a16="http://schemas.microsoft.com/office/drawing/2014/main" id="{3C7AF367-4A66-7146-8EEE-29037B806555}"/>
              </a:ext>
            </a:extLst>
          </p:cNvPr>
          <p:cNvGrpSpPr/>
          <p:nvPr userDrawn="1"/>
        </p:nvGrpSpPr>
        <p:grpSpPr>
          <a:xfrm>
            <a:off x="5312867" y="1246258"/>
            <a:ext cx="507502" cy="997704"/>
            <a:chOff x="6442771" y="2574072"/>
            <a:chExt cx="676669" cy="997704"/>
          </a:xfrm>
        </p:grpSpPr>
        <p:pic>
          <p:nvPicPr>
            <p:cNvPr id="11" name="Billede 26">
              <a:extLst>
                <a:ext uri="{FF2B5EF4-FFF2-40B4-BE49-F238E27FC236}">
                  <a16:creationId xmlns:a16="http://schemas.microsoft.com/office/drawing/2014/main" id="{49431F75-01B2-005B-9A87-0DFEFC95062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12" name="Billede 37">
              <a:extLst>
                <a:ext uri="{FF2B5EF4-FFF2-40B4-BE49-F238E27FC236}">
                  <a16:creationId xmlns:a16="http://schemas.microsoft.com/office/drawing/2014/main" id="{CC6B5F15-2997-8F24-5D45-71E9294089DB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13" name="Picture 33">
            <a:extLst>
              <a:ext uri="{FF2B5EF4-FFF2-40B4-BE49-F238E27FC236}">
                <a16:creationId xmlns:a16="http://schemas.microsoft.com/office/drawing/2014/main" id="{7BA93CDD-4953-B526-F43D-D7B2715FB0C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3901" t="45142" r="62601" b="9046"/>
          <a:stretch/>
        </p:blipFill>
        <p:spPr>
          <a:xfrm>
            <a:off x="5312867" y="2468289"/>
            <a:ext cx="255903" cy="321707"/>
          </a:xfrm>
          <a:prstGeom prst="rect">
            <a:avLst/>
          </a:prstGeom>
        </p:spPr>
      </p:pic>
      <p:pic>
        <p:nvPicPr>
          <p:cNvPr id="14" name="Picture 19">
            <a:extLst>
              <a:ext uri="{FF2B5EF4-FFF2-40B4-BE49-F238E27FC236}">
                <a16:creationId xmlns:a16="http://schemas.microsoft.com/office/drawing/2014/main" id="{98BA0837-6839-DAB4-E7C3-21572537DDF7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5354882" y="3271730"/>
            <a:ext cx="235341" cy="543900"/>
          </a:xfrm>
          <a:prstGeom prst="rect">
            <a:avLst/>
          </a:prstGeom>
        </p:spPr>
      </p:pic>
      <p:pic>
        <p:nvPicPr>
          <p:cNvPr id="15" name="Picture 2" descr="C:\Users\MAV~1.SKA\AppData\Local\Temp\SNAGHTMLe48c1e.PNG">
            <a:extLst>
              <a:ext uri="{FF2B5EF4-FFF2-40B4-BE49-F238E27FC236}">
                <a16:creationId xmlns:a16="http://schemas.microsoft.com/office/drawing/2014/main" id="{5D7FA782-3A1E-8CDD-81B3-CE360E04844B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86781" y="3212837"/>
            <a:ext cx="488138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" name="Picture 12">
            <a:extLst>
              <a:ext uri="{FF2B5EF4-FFF2-40B4-BE49-F238E27FC236}">
                <a16:creationId xmlns:a16="http://schemas.microsoft.com/office/drawing/2014/main" id="{D3B0EB13-EA50-B6B2-7C04-45ADF1D48984}"/>
              </a:ext>
            </a:extLst>
          </p:cNvPr>
          <p:cNvPicPr>
            <a:picLocks noChangeAspect="1"/>
          </p:cNvPicPr>
          <p:nvPr userDrawn="1"/>
        </p:nvPicPr>
        <p:blipFill>
          <a:blip r:embed="rId13"/>
          <a:stretch>
            <a:fillRect/>
          </a:stretch>
        </p:blipFill>
        <p:spPr>
          <a:xfrm>
            <a:off x="5334169" y="5159808"/>
            <a:ext cx="283720" cy="543366"/>
          </a:xfrm>
          <a:prstGeom prst="rect">
            <a:avLst/>
          </a:prstGeom>
        </p:spPr>
      </p:pic>
      <p:sp>
        <p:nvSpPr>
          <p:cNvPr id="18" name="Tekstfelt 17">
            <a:extLst>
              <a:ext uri="{FF2B5EF4-FFF2-40B4-BE49-F238E27FC236}">
                <a16:creationId xmlns:a16="http://schemas.microsoft.com/office/drawing/2014/main" id="{8443DBBE-3F73-415B-421B-5F6178BE0CDB}"/>
              </a:ext>
            </a:extLst>
          </p:cNvPr>
          <p:cNvSpPr txBox="1"/>
          <p:nvPr userDrawn="1"/>
        </p:nvSpPr>
        <p:spPr>
          <a:xfrm>
            <a:off x="8054138" y="4818007"/>
            <a:ext cx="81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Theme Colors and </a:t>
            </a:r>
            <a:br>
              <a:rPr lang="en-GB" sz="600" dirty="0">
                <a:solidFill>
                  <a:schemeClr val="tx1"/>
                </a:solidFill>
              </a:rPr>
            </a:br>
            <a:r>
              <a:rPr lang="en-US" sz="600" dirty="0">
                <a:solidFill>
                  <a:schemeClr val="tx1"/>
                </a:solidFill>
              </a:rPr>
              <a:t>Accent 1-6 for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harts</a:t>
            </a:r>
            <a:endParaRPr lang="en-US" sz="600" dirty="0">
              <a:solidFill>
                <a:schemeClr val="tx1"/>
              </a:solidFill>
            </a:endParaRPr>
          </a:p>
        </p:txBody>
      </p:sp>
      <p:sp>
        <p:nvSpPr>
          <p:cNvPr id="20" name="Tekstfelt 18">
            <a:extLst>
              <a:ext uri="{FF2B5EF4-FFF2-40B4-BE49-F238E27FC236}">
                <a16:creationId xmlns:a16="http://schemas.microsoft.com/office/drawing/2014/main" id="{BBBE9554-C75C-23D0-B05A-940BB9F507C0}"/>
              </a:ext>
            </a:extLst>
          </p:cNvPr>
          <p:cNvSpPr txBox="1"/>
          <p:nvPr userDrawn="1"/>
        </p:nvSpPr>
        <p:spPr>
          <a:xfrm>
            <a:off x="8054138" y="5214329"/>
            <a:ext cx="81000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Gradients Colors</a:t>
            </a:r>
            <a:endParaRPr lang="en-US" sz="1350"/>
          </a:p>
        </p:txBody>
      </p:sp>
      <p:sp>
        <p:nvSpPr>
          <p:cNvPr id="21" name="Tekstfelt 20">
            <a:extLst>
              <a:ext uri="{FF2B5EF4-FFF2-40B4-BE49-F238E27FC236}">
                <a16:creationId xmlns:a16="http://schemas.microsoft.com/office/drawing/2014/main" id="{9F488F6E-2B59-854E-F55E-F12F30B35330}"/>
              </a:ext>
            </a:extLst>
          </p:cNvPr>
          <p:cNvSpPr txBox="1"/>
          <p:nvPr userDrawn="1"/>
        </p:nvSpPr>
        <p:spPr>
          <a:xfrm>
            <a:off x="8054138" y="5765796"/>
            <a:ext cx="81000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Custom Colors </a:t>
            </a:r>
            <a:endParaRPr lang="en-US" sz="1350"/>
          </a:p>
        </p:txBody>
      </p:sp>
      <p:sp>
        <p:nvSpPr>
          <p:cNvPr id="22" name="Tekstfelt 21">
            <a:extLst>
              <a:ext uri="{FF2B5EF4-FFF2-40B4-BE49-F238E27FC236}">
                <a16:creationId xmlns:a16="http://schemas.microsoft.com/office/drawing/2014/main" id="{4C3B03B3-6EB5-2E21-77F3-C8182D7A0C27}"/>
              </a:ext>
            </a:extLst>
          </p:cNvPr>
          <p:cNvSpPr txBox="1"/>
          <p:nvPr userDrawn="1"/>
        </p:nvSpPr>
        <p:spPr>
          <a:xfrm>
            <a:off x="8054138" y="6184105"/>
            <a:ext cx="81000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Standard Colors </a:t>
            </a:r>
            <a:endParaRPr lang="en-US" sz="1350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6EAE627-3F30-FE91-BB49-165C7283FD01}"/>
              </a:ext>
            </a:extLst>
          </p:cNvPr>
          <p:cNvSpPr/>
          <p:nvPr userDrawn="1"/>
        </p:nvSpPr>
        <p:spPr>
          <a:xfrm>
            <a:off x="7069287" y="4851666"/>
            <a:ext cx="903697" cy="163159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>
              <a:spcBef>
                <a:spcPts val="225"/>
              </a:spcBef>
            </a:pPr>
            <a:endParaRPr lang="en-US" sz="1350" noProof="0" dirty="0" err="1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91BE9FB-EA0E-359A-5AC4-3B5A84B71DB3}"/>
              </a:ext>
            </a:extLst>
          </p:cNvPr>
          <p:cNvSpPr/>
          <p:nvPr userDrawn="1"/>
        </p:nvSpPr>
        <p:spPr>
          <a:xfrm>
            <a:off x="7069287" y="5628670"/>
            <a:ext cx="903697" cy="333296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>
              <a:spcBef>
                <a:spcPts val="225"/>
              </a:spcBef>
            </a:pPr>
            <a:endParaRPr lang="en-US" sz="1350" noProof="0" dirty="0" err="1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C1FC33DF-5A21-05B9-0BDE-2CA33F5E40E4}"/>
              </a:ext>
            </a:extLst>
          </p:cNvPr>
          <p:cNvSpPr/>
          <p:nvPr userDrawn="1"/>
        </p:nvSpPr>
        <p:spPr>
          <a:xfrm>
            <a:off x="7430228" y="4851666"/>
            <a:ext cx="542756" cy="163159"/>
          </a:xfrm>
          <a:prstGeom prst="rect">
            <a:avLst/>
          </a:prstGeom>
          <a:noFill/>
          <a:ln w="190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>
              <a:spcBef>
                <a:spcPts val="225"/>
              </a:spcBef>
            </a:pPr>
            <a:endParaRPr lang="en-US" sz="1350" noProof="0" dirty="0" err="1"/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8157F517-43E3-D531-8794-C0B107C40A34}"/>
              </a:ext>
            </a:extLst>
          </p:cNvPr>
          <p:cNvGrpSpPr/>
          <p:nvPr userDrawn="1"/>
        </p:nvGrpSpPr>
        <p:grpSpPr>
          <a:xfrm>
            <a:off x="7074500" y="5071123"/>
            <a:ext cx="903697" cy="446873"/>
            <a:chOff x="6285057" y="2007141"/>
            <a:chExt cx="1676485" cy="680095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132C6F8C-EA68-AF61-CB59-D40FFDB0B21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285057" y="2007141"/>
              <a:ext cx="1676485" cy="680095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05526681-806A-1321-A319-D67F0D7FCCBB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6291690" y="2014958"/>
              <a:ext cx="1657397" cy="67227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3228DB3-F811-3286-646E-6B7A885626FD}"/>
              </a:ext>
            </a:extLst>
          </p:cNvPr>
          <p:cNvCxnSpPr>
            <a:cxnSpLocks/>
          </p:cNvCxnSpPr>
          <p:nvPr userDrawn="1"/>
        </p:nvCxnSpPr>
        <p:spPr>
          <a:xfrm>
            <a:off x="7066543" y="6206311"/>
            <a:ext cx="889512" cy="118376"/>
          </a:xfrm>
          <a:prstGeom prst="line">
            <a:avLst/>
          </a:prstGeom>
          <a:ln w="1905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A9625C8C-8064-DB2F-0CA1-0AE5E2C3ED64}"/>
              </a:ext>
            </a:extLst>
          </p:cNvPr>
          <p:cNvCxnSpPr>
            <a:cxnSpLocks/>
          </p:cNvCxnSpPr>
          <p:nvPr userDrawn="1"/>
        </p:nvCxnSpPr>
        <p:spPr>
          <a:xfrm flipV="1">
            <a:off x="7064586" y="6206315"/>
            <a:ext cx="891470" cy="118376"/>
          </a:xfrm>
          <a:prstGeom prst="line">
            <a:avLst/>
          </a:prstGeom>
          <a:ln w="1905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02446214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 bwMode="inv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invGray">
          <a:xfrm>
            <a:off x="0" y="0"/>
            <a:ext cx="9144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4000" tIns="54000" rIns="54000" bIns="54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50"/>
              </a:spcBef>
              <a:buClr>
                <a:srgbClr val="003755"/>
              </a:buClr>
            </a:pPr>
            <a:endParaRPr lang="en-US" sz="105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invGray">
          <a:xfrm>
            <a:off x="322660" y="656824"/>
            <a:ext cx="8517733" cy="21698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3300" b="0" noProof="0" dirty="0">
                <a:solidFill>
                  <a:schemeClr val="bg1"/>
                </a:solidFill>
              </a:rPr>
              <a:t>If you see any </a:t>
            </a:r>
            <a:r>
              <a:rPr lang="en-US" sz="3300" b="1" i="1" noProof="0" dirty="0">
                <a:solidFill>
                  <a:schemeClr val="bg1"/>
                </a:solidFill>
              </a:rPr>
              <a:t>layouts after this one</a:t>
            </a:r>
            <a:r>
              <a:rPr lang="en-US" sz="3300" b="0" i="1" noProof="0" dirty="0">
                <a:solidFill>
                  <a:schemeClr val="bg1"/>
                </a:solidFill>
              </a:rPr>
              <a:t>,</a:t>
            </a:r>
            <a:br>
              <a:rPr lang="en-US" sz="3300" b="0" i="0" noProof="0" dirty="0">
                <a:solidFill>
                  <a:schemeClr val="bg1"/>
                </a:solidFill>
              </a:rPr>
            </a:br>
            <a:r>
              <a:rPr lang="en-US" sz="33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33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33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100" b="0" noProof="0" dirty="0">
                <a:solidFill>
                  <a:schemeClr val="bg1"/>
                </a:solidFill>
              </a:rPr>
            </a:br>
            <a:br>
              <a:rPr lang="en-US" sz="2100" b="0" noProof="0" dirty="0">
                <a:solidFill>
                  <a:schemeClr val="bg1"/>
                </a:solidFill>
              </a:rPr>
            </a:br>
            <a:endParaRPr lang="en-US" sz="21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7803657" y="3391414"/>
            <a:ext cx="777591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450"/>
                </a:spcBef>
                <a:buClr>
                  <a:srgbClr val="003755"/>
                </a:buClr>
              </a:pPr>
              <a:endParaRPr lang="en-US" sz="105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450"/>
                </a:spcBef>
                <a:buClr>
                  <a:srgbClr val="003755"/>
                </a:buClr>
              </a:pPr>
              <a:endParaRPr lang="en-US" sz="105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invGray">
          <a:xfrm>
            <a:off x="322660" y="2780880"/>
            <a:ext cx="7614260" cy="141961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8625" b="1" i="1" noProof="0" dirty="0">
                <a:solidFill>
                  <a:schemeClr val="bg1"/>
                </a:solidFill>
              </a:rPr>
              <a:t>Do not use </a:t>
            </a:r>
            <a:endParaRPr lang="en-US" sz="15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invGray">
          <a:xfrm>
            <a:off x="322660" y="5186455"/>
            <a:ext cx="8517731" cy="68736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35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 sz="1350" dirty="0"/>
          </a:p>
          <a:p>
            <a:pPr marL="0" marR="0" indent="0" algn="ctr" fontAlgn="auto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35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350" b="0" noProof="0" dirty="0">
                <a:solidFill>
                  <a:schemeClr val="bg1"/>
                </a:solidFill>
              </a:rPr>
            </a:br>
            <a:endParaRPr lang="en-US" sz="135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898AB6C-F92C-44E8-BB87-DFC9496B9D55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invGray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7285276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Breaker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8" name="Background">
            <a:extLst>
              <a:ext uri="{FF2B5EF4-FFF2-40B4-BE49-F238E27FC236}">
                <a16:creationId xmlns:a16="http://schemas.microsoft.com/office/drawing/2014/main" id="{4326773D-1EDF-B1AF-3BFD-0BCCA5A44D2E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96356A52-1E00-3B0B-0099-A69E0D9DF2A7}"/>
              </a:ext>
            </a:extLst>
          </p:cNvPr>
          <p:cNvGrpSpPr/>
          <p:nvPr userDrawn="1"/>
        </p:nvGrpSpPr>
        <p:grpSpPr>
          <a:xfrm flipV="1">
            <a:off x="6085390" y="-3783"/>
            <a:ext cx="3110696" cy="6906374"/>
            <a:chOff x="8073457" y="0"/>
            <a:chExt cx="4118544" cy="6858000"/>
          </a:xfrm>
          <a:solidFill>
            <a:srgbClr val="03CC54"/>
          </a:solidFill>
        </p:grpSpPr>
        <p:sp>
          <p:nvSpPr>
            <p:cNvPr id="17" name="Freeform: Shape 20">
              <a:extLst>
                <a:ext uri="{FF2B5EF4-FFF2-40B4-BE49-F238E27FC236}">
                  <a16:creationId xmlns:a16="http://schemas.microsoft.com/office/drawing/2014/main" id="{BDB00446-77BF-635D-E2C9-8C8E551A35E9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8" name="Freeform 6">
              <a:extLst>
                <a:ext uri="{FF2B5EF4-FFF2-40B4-BE49-F238E27FC236}">
                  <a16:creationId xmlns:a16="http://schemas.microsoft.com/office/drawing/2014/main" id="{8E5309C8-0CA2-D7D8-A3F8-97CB6B331099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9" name="Freeform 8">
              <a:extLst>
                <a:ext uri="{FF2B5EF4-FFF2-40B4-BE49-F238E27FC236}">
                  <a16:creationId xmlns:a16="http://schemas.microsoft.com/office/drawing/2014/main" id="{785FD9F6-C504-F213-3425-960E10EF3F63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0" name="Freeform 9">
              <a:extLst>
                <a:ext uri="{FF2B5EF4-FFF2-40B4-BE49-F238E27FC236}">
                  <a16:creationId xmlns:a16="http://schemas.microsoft.com/office/drawing/2014/main" id="{29340ECC-DCF5-17BC-37BC-E98717C51D3D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1" name="Freeform 10">
              <a:extLst>
                <a:ext uri="{FF2B5EF4-FFF2-40B4-BE49-F238E27FC236}">
                  <a16:creationId xmlns:a16="http://schemas.microsoft.com/office/drawing/2014/main" id="{2C50F82F-7496-A774-A9F4-98E7D77EF401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2" name="Freeform: Shape 66">
              <a:extLst>
                <a:ext uri="{FF2B5EF4-FFF2-40B4-BE49-F238E27FC236}">
                  <a16:creationId xmlns:a16="http://schemas.microsoft.com/office/drawing/2014/main" id="{9E184D06-A7BF-7B1F-3DB3-BD3C657CF82A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3" name="Freeform: Shape 67">
              <a:extLst>
                <a:ext uri="{FF2B5EF4-FFF2-40B4-BE49-F238E27FC236}">
                  <a16:creationId xmlns:a16="http://schemas.microsoft.com/office/drawing/2014/main" id="{02F2D443-1ECC-E05E-3839-A6F297882D8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4" name="Freeform 15">
              <a:extLst>
                <a:ext uri="{FF2B5EF4-FFF2-40B4-BE49-F238E27FC236}">
                  <a16:creationId xmlns:a16="http://schemas.microsoft.com/office/drawing/2014/main" id="{67386589-DA90-8DBE-15D0-23236B2647B2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5" name="Freeform 16">
              <a:extLst>
                <a:ext uri="{FF2B5EF4-FFF2-40B4-BE49-F238E27FC236}">
                  <a16:creationId xmlns:a16="http://schemas.microsoft.com/office/drawing/2014/main" id="{88DCCFD3-CB65-21C4-3C84-F557B2414D46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6" name="Freeform 17">
              <a:extLst>
                <a:ext uri="{FF2B5EF4-FFF2-40B4-BE49-F238E27FC236}">
                  <a16:creationId xmlns:a16="http://schemas.microsoft.com/office/drawing/2014/main" id="{6A7F13D1-6201-83FA-D04B-0E7EA4373B4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7" name="Freeform: Shape 71">
              <a:extLst>
                <a:ext uri="{FF2B5EF4-FFF2-40B4-BE49-F238E27FC236}">
                  <a16:creationId xmlns:a16="http://schemas.microsoft.com/office/drawing/2014/main" id="{AE5E5B14-EC91-8822-4FE4-B07796518B1F}"/>
                </a:ext>
              </a:extLst>
            </p:cNvPr>
            <p:cNvSpPr>
              <a:spLocks/>
            </p:cNvSpPr>
            <p:nvPr userDrawn="1"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8" name="Freeform 22">
              <a:extLst>
                <a:ext uri="{FF2B5EF4-FFF2-40B4-BE49-F238E27FC236}">
                  <a16:creationId xmlns:a16="http://schemas.microsoft.com/office/drawing/2014/main" id="{C12F248C-8149-3E4B-8F31-6811C254601D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9" name="Freeform 25">
              <a:extLst>
                <a:ext uri="{FF2B5EF4-FFF2-40B4-BE49-F238E27FC236}">
                  <a16:creationId xmlns:a16="http://schemas.microsoft.com/office/drawing/2014/main" id="{686BF65F-7D3F-EFFB-E1F5-F1ED45215F6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0" name="Freeform 26">
              <a:extLst>
                <a:ext uri="{FF2B5EF4-FFF2-40B4-BE49-F238E27FC236}">
                  <a16:creationId xmlns:a16="http://schemas.microsoft.com/office/drawing/2014/main" id="{176DCB29-64B3-EB40-47E4-53EDEEFDCB6E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1" name="Freeform 27">
              <a:extLst>
                <a:ext uri="{FF2B5EF4-FFF2-40B4-BE49-F238E27FC236}">
                  <a16:creationId xmlns:a16="http://schemas.microsoft.com/office/drawing/2014/main" id="{EA799E70-AF36-31D3-5956-B3A0543AD17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2" name="Freeform 29">
              <a:extLst>
                <a:ext uri="{FF2B5EF4-FFF2-40B4-BE49-F238E27FC236}">
                  <a16:creationId xmlns:a16="http://schemas.microsoft.com/office/drawing/2014/main" id="{78190F06-BCA5-FD54-87B8-DAD94938C782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3" name="Freeform: Shape 77">
              <a:extLst>
                <a:ext uri="{FF2B5EF4-FFF2-40B4-BE49-F238E27FC236}">
                  <a16:creationId xmlns:a16="http://schemas.microsoft.com/office/drawing/2014/main" id="{11B96900-ACBB-83AF-D4AB-98A53032CA72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4" name="Freeform 36">
              <a:extLst>
                <a:ext uri="{FF2B5EF4-FFF2-40B4-BE49-F238E27FC236}">
                  <a16:creationId xmlns:a16="http://schemas.microsoft.com/office/drawing/2014/main" id="{454FBB88-8234-EFF3-AF4A-69B8F2315DD3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5" name="Freeform 37">
              <a:extLst>
                <a:ext uri="{FF2B5EF4-FFF2-40B4-BE49-F238E27FC236}">
                  <a16:creationId xmlns:a16="http://schemas.microsoft.com/office/drawing/2014/main" id="{386F91DD-C0AA-4B0A-E85B-FFE2AF61329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6" name="Freeform 38">
              <a:extLst>
                <a:ext uri="{FF2B5EF4-FFF2-40B4-BE49-F238E27FC236}">
                  <a16:creationId xmlns:a16="http://schemas.microsoft.com/office/drawing/2014/main" id="{D01F6032-2384-2623-EFCA-EE27CA869561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7" name="Freeform: Shape 81">
              <a:extLst>
                <a:ext uri="{FF2B5EF4-FFF2-40B4-BE49-F238E27FC236}">
                  <a16:creationId xmlns:a16="http://schemas.microsoft.com/office/drawing/2014/main" id="{50332791-B6A6-F815-9F73-CD6494E3816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8" name="Freeform: Shape 82">
              <a:extLst>
                <a:ext uri="{FF2B5EF4-FFF2-40B4-BE49-F238E27FC236}">
                  <a16:creationId xmlns:a16="http://schemas.microsoft.com/office/drawing/2014/main" id="{A171D8D2-B3AC-CA85-6E5B-1F76F72C3EDA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39" name="Freeform 44">
              <a:extLst>
                <a:ext uri="{FF2B5EF4-FFF2-40B4-BE49-F238E27FC236}">
                  <a16:creationId xmlns:a16="http://schemas.microsoft.com/office/drawing/2014/main" id="{3782C8B9-08CD-9E4D-67D2-2DB7F0565F15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40" name="Freeform 45">
              <a:extLst>
                <a:ext uri="{FF2B5EF4-FFF2-40B4-BE49-F238E27FC236}">
                  <a16:creationId xmlns:a16="http://schemas.microsoft.com/office/drawing/2014/main" id="{CFF0893E-4825-69DE-DF0F-1E78FDE6E75E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41" name="Freeform 46">
              <a:extLst>
                <a:ext uri="{FF2B5EF4-FFF2-40B4-BE49-F238E27FC236}">
                  <a16:creationId xmlns:a16="http://schemas.microsoft.com/office/drawing/2014/main" id="{AEAB5E78-FBAA-9D72-099F-0A3B99AA4E93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42" name="Freeform 47">
              <a:extLst>
                <a:ext uri="{FF2B5EF4-FFF2-40B4-BE49-F238E27FC236}">
                  <a16:creationId xmlns:a16="http://schemas.microsoft.com/office/drawing/2014/main" id="{FF8B7363-64F1-9ADC-4317-181CF8538ECF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43" name="Freeform: Shape 87">
              <a:extLst>
                <a:ext uri="{FF2B5EF4-FFF2-40B4-BE49-F238E27FC236}">
                  <a16:creationId xmlns:a16="http://schemas.microsoft.com/office/drawing/2014/main" id="{DC29267F-D9D4-3765-2C9C-0464928476BC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44" name="Freeform 49">
              <a:extLst>
                <a:ext uri="{FF2B5EF4-FFF2-40B4-BE49-F238E27FC236}">
                  <a16:creationId xmlns:a16="http://schemas.microsoft.com/office/drawing/2014/main" id="{EF5EAD4F-85D4-459F-27EE-E612476BE723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45" name="Freeform: Shape 89">
              <a:extLst>
                <a:ext uri="{FF2B5EF4-FFF2-40B4-BE49-F238E27FC236}">
                  <a16:creationId xmlns:a16="http://schemas.microsoft.com/office/drawing/2014/main" id="{2621E310-42F1-F000-2AC3-91846CDD8BC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47" name="Freeform 61">
              <a:extLst>
                <a:ext uri="{FF2B5EF4-FFF2-40B4-BE49-F238E27FC236}">
                  <a16:creationId xmlns:a16="http://schemas.microsoft.com/office/drawing/2014/main" id="{D8C5EEFF-CAB1-55AB-C317-31E18DFF169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48" name="Freeform 62">
              <a:extLst>
                <a:ext uri="{FF2B5EF4-FFF2-40B4-BE49-F238E27FC236}">
                  <a16:creationId xmlns:a16="http://schemas.microsoft.com/office/drawing/2014/main" id="{F1ABA5EC-8BA3-5DFA-404E-D77D1457960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49" name="Freeform 63">
              <a:extLst>
                <a:ext uri="{FF2B5EF4-FFF2-40B4-BE49-F238E27FC236}">
                  <a16:creationId xmlns:a16="http://schemas.microsoft.com/office/drawing/2014/main" id="{DCE88FE0-5F42-FD8D-8837-831F44A08D30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50" name="Freeform: Shape 94">
              <a:extLst>
                <a:ext uri="{FF2B5EF4-FFF2-40B4-BE49-F238E27FC236}">
                  <a16:creationId xmlns:a16="http://schemas.microsoft.com/office/drawing/2014/main" id="{96CE7203-2EF1-26D1-8BF5-DB281BC857FC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51" name="Freeform 65">
              <a:extLst>
                <a:ext uri="{FF2B5EF4-FFF2-40B4-BE49-F238E27FC236}">
                  <a16:creationId xmlns:a16="http://schemas.microsoft.com/office/drawing/2014/main" id="{FA2B9DD9-B08D-25F1-BF1E-88413F702B8A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52" name="Freeform: Shape 96">
              <a:extLst>
                <a:ext uri="{FF2B5EF4-FFF2-40B4-BE49-F238E27FC236}">
                  <a16:creationId xmlns:a16="http://schemas.microsoft.com/office/drawing/2014/main" id="{A233793D-010A-EE36-882D-FDAFA152853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53" name="Freeform 67">
              <a:extLst>
                <a:ext uri="{FF2B5EF4-FFF2-40B4-BE49-F238E27FC236}">
                  <a16:creationId xmlns:a16="http://schemas.microsoft.com/office/drawing/2014/main" id="{8EA60440-94C9-DF73-BBBC-550984B0FE2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54" name="Freeform: Shape 98">
              <a:extLst>
                <a:ext uri="{FF2B5EF4-FFF2-40B4-BE49-F238E27FC236}">
                  <a16:creationId xmlns:a16="http://schemas.microsoft.com/office/drawing/2014/main" id="{FD29D727-6991-40C1-917A-0F05EA52B6F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55" name="Freeform 70">
              <a:extLst>
                <a:ext uri="{FF2B5EF4-FFF2-40B4-BE49-F238E27FC236}">
                  <a16:creationId xmlns:a16="http://schemas.microsoft.com/office/drawing/2014/main" id="{21A97B1B-D958-6D8B-86ED-4576B69A518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56" name="Freeform 71">
              <a:extLst>
                <a:ext uri="{FF2B5EF4-FFF2-40B4-BE49-F238E27FC236}">
                  <a16:creationId xmlns:a16="http://schemas.microsoft.com/office/drawing/2014/main" id="{D551826E-8CF5-489B-9C1C-2EC3C09327F5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6858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3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</p:grpSp>
      <p:sp>
        <p:nvSpPr>
          <p:cNvPr id="11" name="Dynmic Internal use only" descr="{&quot;templafy&quot;:{&quot;id&quot;:&quot;9f494645-6515-40b0-9b45-beba57644d6e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E0B98218-CDFB-9994-043C-5F396CC69AC5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bg2"/>
                </a:solidFill>
              </a:defRPr>
            </a:lvl1pPr>
          </a:lstStyle>
          <a:p>
            <a:r>
              <a:rPr lang="en-US" noProof="0" dirty="0"/>
              <a:t>Click to add section title</a:t>
            </a:r>
            <a:endParaRPr lang="en-US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3966657D-97EB-0338-0251-EDB2C1B0A211}"/>
              </a:ext>
            </a:extLst>
          </p:cNvPr>
          <p:cNvSpPr txBox="1">
            <a:spLocks/>
          </p:cNvSpPr>
          <p:nvPr userDrawn="1"/>
        </p:nvSpPr>
        <p:spPr>
          <a:xfrm>
            <a:off x="3593082" y="6276622"/>
            <a:ext cx="3524740" cy="30089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750" dirty="0">
                <a:solidFill>
                  <a:srgbClr val="FFFFFF">
                    <a:lumMod val="65000"/>
                  </a:srgbClr>
                </a:solidFill>
                <a:latin typeface="Arial Narrow" panose="020B0606020202030204" pitchFamily="34" charset="0"/>
              </a:rPr>
              <a:t>© 2024 Cigna Healthcare</a:t>
            </a:r>
          </a:p>
        </p:txBody>
      </p:sp>
      <p:sp>
        <p:nvSpPr>
          <p:cNvPr id="14" name="Footer Placeholder 40">
            <a:extLst>
              <a:ext uri="{FF2B5EF4-FFF2-40B4-BE49-F238E27FC236}">
                <a16:creationId xmlns:a16="http://schemas.microsoft.com/office/drawing/2014/main" id="{1CBC4AEA-F129-5454-22D1-3DAA5A1524B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609897" y="6091917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50">
                <a:solidFill>
                  <a:schemeClr val="tx1">
                    <a:lumMod val="65000"/>
                  </a:schemeClr>
                </a:solidFill>
                <a:latin typeface="Arial Narrow" panose="020B0606020202030204" pitchFamily="34" charset="0"/>
              </a:defRPr>
            </a:lvl1pPr>
          </a:lstStyle>
          <a:p>
            <a:r>
              <a:rPr lang="en-US" dirty="0"/>
              <a:t>Offered by Cigna Health and Life Insurance Company. 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B169B506-5B63-9535-36C7-7749656EC74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5874630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sp>
        <p:nvSpPr>
          <p:cNvPr id="4" name="Freeform 6">
            <a:extLst>
              <a:ext uri="{FF2B5EF4-FFF2-40B4-BE49-F238E27FC236}">
                <a16:creationId xmlns:a16="http://schemas.microsoft.com/office/drawing/2014/main" id="{2DBDAC48-E9E3-50DC-4F61-AE86EB78F7A4}"/>
              </a:ext>
            </a:extLst>
          </p:cNvPr>
          <p:cNvSpPr>
            <a:spLocks/>
          </p:cNvSpPr>
          <p:nvPr userDrawn="1"/>
        </p:nvSpPr>
        <p:spPr bwMode="auto">
          <a:xfrm rot="900000">
            <a:off x="-5729640" y="-1308734"/>
            <a:ext cx="14024102" cy="10685028"/>
          </a:xfrm>
          <a:custGeom>
            <a:avLst/>
            <a:gdLst>
              <a:gd name="T0" fmla="*/ 123 w 281"/>
              <a:gd name="T1" fmla="*/ 146 h 161"/>
              <a:gd name="T2" fmla="*/ 0 w 281"/>
              <a:gd name="T3" fmla="*/ 42 h 161"/>
              <a:gd name="T4" fmla="*/ 158 w 281"/>
              <a:gd name="T5" fmla="*/ 15 h 161"/>
              <a:gd name="T6" fmla="*/ 281 w 281"/>
              <a:gd name="T7" fmla="*/ 119 h 161"/>
              <a:gd name="T8" fmla="*/ 123 w 281"/>
              <a:gd name="T9" fmla="*/ 146 h 16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281" h="161">
                <a:moveTo>
                  <a:pt x="123" y="146"/>
                </a:moveTo>
                <a:cubicBezTo>
                  <a:pt x="66" y="130"/>
                  <a:pt x="23" y="91"/>
                  <a:pt x="0" y="42"/>
                </a:cubicBezTo>
                <a:cubicBezTo>
                  <a:pt x="45" y="11"/>
                  <a:pt x="102" y="0"/>
                  <a:pt x="158" y="15"/>
                </a:cubicBezTo>
                <a:cubicBezTo>
                  <a:pt x="215" y="31"/>
                  <a:pt x="258" y="70"/>
                  <a:pt x="281" y="119"/>
                </a:cubicBezTo>
                <a:cubicBezTo>
                  <a:pt x="236" y="150"/>
                  <a:pt x="179" y="161"/>
                  <a:pt x="123" y="146"/>
                </a:cubicBezTo>
              </a:path>
            </a:pathLst>
          </a:custGeom>
          <a:solidFill>
            <a:srgbClr val="F4F4F4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8" name="Freeform 25">
            <a:extLst>
              <a:ext uri="{FF2B5EF4-FFF2-40B4-BE49-F238E27FC236}">
                <a16:creationId xmlns:a16="http://schemas.microsoft.com/office/drawing/2014/main" id="{BCFED06E-BBB3-0C17-552D-DFF9887E09D2}"/>
              </a:ext>
            </a:extLst>
          </p:cNvPr>
          <p:cNvSpPr>
            <a:spLocks/>
          </p:cNvSpPr>
          <p:nvPr userDrawn="1"/>
        </p:nvSpPr>
        <p:spPr bwMode="auto">
          <a:xfrm rot="20700000">
            <a:off x="4207166" y="-3994913"/>
            <a:ext cx="12137646" cy="10164263"/>
          </a:xfrm>
          <a:custGeom>
            <a:avLst/>
            <a:gdLst>
              <a:gd name="T0" fmla="*/ 171 w 368"/>
              <a:gd name="T1" fmla="*/ 203 h 231"/>
              <a:gd name="T2" fmla="*/ 0 w 368"/>
              <a:gd name="T3" fmla="*/ 13 h 231"/>
              <a:gd name="T4" fmla="*/ 257 w 368"/>
              <a:gd name="T5" fmla="*/ 34 h 231"/>
              <a:gd name="T6" fmla="*/ 366 w 368"/>
              <a:gd name="T7" fmla="*/ 171 h 231"/>
              <a:gd name="T8" fmla="*/ 355 w 368"/>
              <a:gd name="T9" fmla="*/ 196 h 231"/>
              <a:gd name="T10" fmla="*/ 171 w 368"/>
              <a:gd name="T11" fmla="*/ 203 h 23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368" h="231">
                <a:moveTo>
                  <a:pt x="171" y="203"/>
                </a:moveTo>
                <a:cubicBezTo>
                  <a:pt x="108" y="174"/>
                  <a:pt x="64" y="85"/>
                  <a:pt x="0" y="13"/>
                </a:cubicBezTo>
                <a:cubicBezTo>
                  <a:pt x="91" y="8"/>
                  <a:pt x="182" y="0"/>
                  <a:pt x="257" y="34"/>
                </a:cubicBezTo>
                <a:cubicBezTo>
                  <a:pt x="317" y="62"/>
                  <a:pt x="351" y="112"/>
                  <a:pt x="366" y="171"/>
                </a:cubicBezTo>
                <a:cubicBezTo>
                  <a:pt x="368" y="181"/>
                  <a:pt x="364" y="191"/>
                  <a:pt x="355" y="196"/>
                </a:cubicBezTo>
                <a:cubicBezTo>
                  <a:pt x="309" y="224"/>
                  <a:pt x="234" y="231"/>
                  <a:pt x="171" y="203"/>
                </a:cubicBezTo>
              </a:path>
            </a:pathLst>
          </a:custGeom>
          <a:solidFill>
            <a:srgbClr val="F4F4F4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11" name="Dynmic Internal use only" descr="{&quot;templafy&quot;:{&quot;id&quot;:&quot;9f494645-6515-40b0-9b45-beba57644d6e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E0B98218-CDFB-9994-043C-5F396CC69AC5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bg2"/>
                </a:solidFill>
              </a:defRPr>
            </a:lvl1pPr>
          </a:lstStyle>
          <a:p>
            <a:r>
              <a:rPr lang="en-US" noProof="0" dirty="0"/>
              <a:t>Click to add divider title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3966657D-97EB-0338-0251-EDB2C1B0A211}"/>
              </a:ext>
            </a:extLst>
          </p:cNvPr>
          <p:cNvSpPr txBox="1">
            <a:spLocks/>
          </p:cNvSpPr>
          <p:nvPr userDrawn="1"/>
        </p:nvSpPr>
        <p:spPr>
          <a:xfrm>
            <a:off x="1502596" y="6328262"/>
            <a:ext cx="7085210" cy="24925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600" dirty="0">
                <a:solidFill>
                  <a:srgbClr val="FFFFFF">
                    <a:lumMod val="65000"/>
                  </a:srgbClr>
                </a:solidFill>
              </a:rPr>
              <a:t>Confidential, unpublished property of Cigna Healthcare. Do not duplicate or distribute. Use and distribution limited solely to authorized personnel. © 2024 Cigna Healthcare.</a:t>
            </a:r>
          </a:p>
        </p:txBody>
      </p:sp>
      <p:sp>
        <p:nvSpPr>
          <p:cNvPr id="14" name="Footer Placeholder 40">
            <a:extLst>
              <a:ext uri="{FF2B5EF4-FFF2-40B4-BE49-F238E27FC236}">
                <a16:creationId xmlns:a16="http://schemas.microsoft.com/office/drawing/2014/main" id="{1CBC4AEA-F129-5454-22D1-3DAA5A1524B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tx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B169B506-5B63-9535-36C7-7749656EC74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856761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 p14:bounceEnd="24000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 p14:bounceEnd="24000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Choice>
    <mc:Fallback xmlns:p15="http://schemas.microsoft.com/office/powerpoint/2012/main" xmlns:asvg="http://schemas.microsoft.com/office/drawing/2016/SVG/main" xmlns:a14="http://schemas.microsoft.com/office/drawing/2010/main" xmlns:a16="http://schemas.microsoft.com/office/drawing/2014/main" xmlns="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Fallback>
  </mc:AlternateContent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093A3340-1A42-61D7-8D5C-9DD7E3936AC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519534" y="0"/>
            <a:ext cx="4624466" cy="6858000"/>
          </a:xfrm>
          <a:custGeom>
            <a:avLst/>
            <a:gdLst>
              <a:gd name="connsiteX0" fmla="*/ 0 w 6094800"/>
              <a:gd name="connsiteY0" fmla="*/ 0 h 6678000"/>
              <a:gd name="connsiteX1" fmla="*/ 6094800 w 6094800"/>
              <a:gd name="connsiteY1" fmla="*/ 0 h 6678000"/>
              <a:gd name="connsiteX2" fmla="*/ 6094800 w 6094800"/>
              <a:gd name="connsiteY2" fmla="*/ 6678000 h 6678000"/>
              <a:gd name="connsiteX3" fmla="*/ 0 w 6094800"/>
              <a:gd name="connsiteY3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094800" h="6678000">
                <a:moveTo>
                  <a:pt x="0" y="0"/>
                </a:moveTo>
                <a:lnTo>
                  <a:pt x="6094800" y="0"/>
                </a:lnTo>
                <a:lnTo>
                  <a:pt x="6094800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" name="Dynmic Internal use only" descr="{&quot;templafy&quot;:{&quot;id&quot;:&quot;534def98-7eea-4a54-8f89-9cbb8b0b7569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6868431F-84E3-459E-7645-52508A27521D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128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bg2"/>
                </a:solidFill>
              </a:defRPr>
            </a:lvl1pPr>
          </a:lstStyle>
          <a:p>
            <a:r>
              <a:rPr lang="en-US" noProof="0" dirty="0"/>
              <a:t>Click to </a:t>
            </a:r>
            <a:br>
              <a:rPr lang="en-US" noProof="0" dirty="0"/>
            </a:br>
            <a:r>
              <a:rPr lang="en-US" noProof="0" dirty="0"/>
              <a:t>add title</a:t>
            </a:r>
            <a:endParaRPr lang="en-US" dirty="0"/>
          </a:p>
        </p:txBody>
      </p:sp>
      <p:sp>
        <p:nvSpPr>
          <p:cNvPr id="11" name="Slide Number Placeholder 8">
            <a:extLst>
              <a:ext uri="{FF2B5EF4-FFF2-40B4-BE49-F238E27FC236}">
                <a16:creationId xmlns:a16="http://schemas.microsoft.com/office/drawing/2014/main" id="{21AF8F55-210C-589F-7027-591BD8AD536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>
            <a:off x="8604899" y="6397512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459F08CF-EC04-D0C4-2CB8-2D34EFBBCEDA}"/>
              </a:ext>
            </a:extLst>
          </p:cNvPr>
          <p:cNvSpPr txBox="1">
            <a:spLocks/>
          </p:cNvSpPr>
          <p:nvPr userDrawn="1"/>
        </p:nvSpPr>
        <p:spPr>
          <a:xfrm>
            <a:off x="1401418" y="6132444"/>
            <a:ext cx="2877379" cy="44506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600" dirty="0">
                <a:solidFill>
                  <a:schemeClr val="tx1">
                    <a:lumMod val="65000"/>
                  </a:schemeClr>
                </a:solidFill>
              </a:rPr>
              <a:t>Confidential, unpublished property of Cigna Healthcare. Do not duplicate or distribute. Use and distribution limited solely to authorized personnel. © 2024 Cigna Healthcare.</a:t>
            </a: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729C8D6B-3509-4677-F168-EF267E8787E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5766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FA98F2CF-80FA-91C9-9C37-76C06E2270DE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2686023" y="0"/>
            <a:ext cx="6457977" cy="6858000"/>
          </a:xfrm>
          <a:custGeom>
            <a:avLst/>
            <a:gdLst>
              <a:gd name="connsiteX0" fmla="*/ 0 w 8610636"/>
              <a:gd name="connsiteY0" fmla="*/ 0 h 6678000"/>
              <a:gd name="connsiteX1" fmla="*/ 8610636 w 8610636"/>
              <a:gd name="connsiteY1" fmla="*/ 0 h 6678000"/>
              <a:gd name="connsiteX2" fmla="*/ 8610636 w 8610636"/>
              <a:gd name="connsiteY2" fmla="*/ 6678000 h 6678000"/>
              <a:gd name="connsiteX3" fmla="*/ 4104771 w 8610636"/>
              <a:gd name="connsiteY3" fmla="*/ 6678000 h 6678000"/>
              <a:gd name="connsiteX4" fmla="*/ 4119976 w 8610636"/>
              <a:gd name="connsiteY4" fmla="*/ 6288074 h 6678000"/>
              <a:gd name="connsiteX5" fmla="*/ 1279486 w 8610636"/>
              <a:gd name="connsiteY5" fmla="*/ 740634 h 6678000"/>
              <a:gd name="connsiteX6" fmla="*/ 22298 w 8610636"/>
              <a:gd name="connsiteY6" fmla="*/ 9481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8610636" h="6678000">
                <a:moveTo>
                  <a:pt x="0" y="0"/>
                </a:moveTo>
                <a:lnTo>
                  <a:pt x="8610636" y="0"/>
                </a:lnTo>
                <a:lnTo>
                  <a:pt x="8610636" y="6678000"/>
                </a:lnTo>
                <a:lnTo>
                  <a:pt x="4104771" y="6678000"/>
                </a:lnTo>
                <a:lnTo>
                  <a:pt x="4119976" y="6288074"/>
                </a:lnTo>
                <a:cubicBezTo>
                  <a:pt x="4135895" y="4179220"/>
                  <a:pt x="3158491" y="2102204"/>
                  <a:pt x="1279486" y="740634"/>
                </a:cubicBezTo>
                <a:cubicBezTo>
                  <a:pt x="879946" y="451189"/>
                  <a:pt x="458598" y="207786"/>
                  <a:pt x="22298" y="9481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4536000" tIns="0" rIns="0" anchor="ctr" anchorCtr="0">
            <a:noAutofit/>
          </a:bodyPr>
          <a:lstStyle>
            <a:lvl1pPr marL="0" indent="0" algn="l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8" name="Dynmic Internal use only" descr="{&quot;templafy&quot;:{&quot;id&quot;:&quot;8318fc0c-1e6b-48b3-a298-6935879e9a4b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1EC3995F-7118-BB94-E453-B189BA65B21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337169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bg2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01B7FC8D-802C-7807-6FA1-66E1E5571D8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  <p:sp>
        <p:nvSpPr>
          <p:cNvPr id="13" name="Slide Number Placeholder 8">
            <a:extLst>
              <a:ext uri="{FF2B5EF4-FFF2-40B4-BE49-F238E27FC236}">
                <a16:creationId xmlns:a16="http://schemas.microsoft.com/office/drawing/2014/main" id="{D04F65D0-6923-6003-12B9-401771727AC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>
            <a:off x="8604899" y="6397512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4">
            <a:extLst>
              <a:ext uri="{FF2B5EF4-FFF2-40B4-BE49-F238E27FC236}">
                <a16:creationId xmlns:a16="http://schemas.microsoft.com/office/drawing/2014/main" id="{99C0177E-2FC5-501B-FED8-48C0DA288EF1}"/>
              </a:ext>
            </a:extLst>
          </p:cNvPr>
          <p:cNvSpPr txBox="1">
            <a:spLocks/>
          </p:cNvSpPr>
          <p:nvPr userDrawn="1"/>
        </p:nvSpPr>
        <p:spPr>
          <a:xfrm>
            <a:off x="2166348" y="6132444"/>
            <a:ext cx="3381598" cy="44506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600" dirty="0">
                <a:solidFill>
                  <a:schemeClr val="tx1">
                    <a:lumMod val="65000"/>
                  </a:schemeClr>
                </a:solidFill>
              </a:rPr>
              <a:t>Confidential, unpublished property of Cigna Healthcare. Do not duplicate or distribute. Use and distribution limited solely to authorized personnel. © 2024 Cigna Healthcare.</a:t>
            </a:r>
          </a:p>
        </p:txBody>
      </p:sp>
    </p:spTree>
    <p:extLst>
      <p:ext uri="{BB962C8B-B14F-4D97-AF65-F5344CB8AC3E}">
        <p14:creationId xmlns:p14="http://schemas.microsoft.com/office/powerpoint/2010/main" val="23180161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E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sp>
        <p:nvSpPr>
          <p:cNvPr id="11" name="Dynmic Internal use only" descr="{&quot;templafy&quot;:{&quot;id&quot;:&quot;2ac28852-71b1-410c-a51c-403f257e8072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26F73FA1-9D6B-45C6-8E8E-D6C214B921F7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32" name="Picture Placeholder 31">
            <a:extLst>
              <a:ext uri="{FF2B5EF4-FFF2-40B4-BE49-F238E27FC236}">
                <a16:creationId xmlns:a16="http://schemas.microsoft.com/office/drawing/2014/main" id="{C3BFB932-8382-7B0E-B636-375951E240A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2214288" y="475384"/>
            <a:ext cx="6929713" cy="6382617"/>
          </a:xfrm>
          <a:custGeom>
            <a:avLst/>
            <a:gdLst>
              <a:gd name="connsiteX0" fmla="*/ 9239617 w 9239617"/>
              <a:gd name="connsiteY0" fmla="*/ 0 h 6382617"/>
              <a:gd name="connsiteX1" fmla="*/ 9239617 w 9239617"/>
              <a:gd name="connsiteY1" fmla="*/ 3651998 h 6382617"/>
              <a:gd name="connsiteX2" fmla="*/ 9125220 w 9239617"/>
              <a:gd name="connsiteY2" fmla="*/ 3846032 h 6382617"/>
              <a:gd name="connsiteX3" fmla="*/ 4030397 w 9239617"/>
              <a:gd name="connsiteY3" fmla="*/ 6311358 h 6382617"/>
              <a:gd name="connsiteX4" fmla="*/ 3625584 w 9239617"/>
              <a:gd name="connsiteY4" fmla="*/ 6382617 h 6382617"/>
              <a:gd name="connsiteX5" fmla="*/ 43018 w 9239617"/>
              <a:gd name="connsiteY5" fmla="*/ 6382617 h 6382617"/>
              <a:gd name="connsiteX6" fmla="*/ 29042 w 9239617"/>
              <a:gd name="connsiteY6" fmla="*/ 6279579 h 6382617"/>
              <a:gd name="connsiteX7" fmla="*/ 133409 w 9239617"/>
              <a:gd name="connsiteY7" fmla="*/ 4508419 h 6382617"/>
              <a:gd name="connsiteX8" fmla="*/ 1502621 w 9239617"/>
              <a:gd name="connsiteY8" fmla="*/ 1937012 h 6382617"/>
              <a:gd name="connsiteX9" fmla="*/ 5260918 w 9239617"/>
              <a:gd name="connsiteY9" fmla="*/ 183821 h 6382617"/>
              <a:gd name="connsiteX10" fmla="*/ 5260918 w 9239617"/>
              <a:gd name="connsiteY10" fmla="*/ 182003 h 6382617"/>
              <a:gd name="connsiteX11" fmla="*/ 5397567 w 9239617"/>
              <a:gd name="connsiteY11" fmla="*/ 174962 h 6382617"/>
              <a:gd name="connsiteX12" fmla="*/ 6840551 w 9239617"/>
              <a:gd name="connsiteY12" fmla="*/ 120444 h 6382617"/>
              <a:gd name="connsiteX13" fmla="*/ 8929324 w 9239617"/>
              <a:gd name="connsiteY13" fmla="*/ 25464 h 63826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9239617" h="6382617">
                <a:moveTo>
                  <a:pt x="9239617" y="0"/>
                </a:moveTo>
                <a:lnTo>
                  <a:pt x="9239617" y="3651998"/>
                </a:lnTo>
                <a:lnTo>
                  <a:pt x="9125220" y="3846032"/>
                </a:lnTo>
                <a:cubicBezTo>
                  <a:pt x="8047465" y="5611489"/>
                  <a:pt x="6005450" y="5967216"/>
                  <a:pt x="4030397" y="6311358"/>
                </a:cubicBezTo>
                <a:lnTo>
                  <a:pt x="3625584" y="6382617"/>
                </a:lnTo>
                <a:lnTo>
                  <a:pt x="43018" y="6382617"/>
                </a:lnTo>
                <a:lnTo>
                  <a:pt x="29042" y="6279579"/>
                </a:lnTo>
                <a:cubicBezTo>
                  <a:pt x="-31710" y="5689348"/>
                  <a:pt x="2747" y="5090365"/>
                  <a:pt x="133409" y="4508419"/>
                </a:cubicBezTo>
                <a:cubicBezTo>
                  <a:pt x="348596" y="3549139"/>
                  <a:pt x="822101" y="2659823"/>
                  <a:pt x="1502621" y="1937012"/>
                </a:cubicBezTo>
                <a:cubicBezTo>
                  <a:pt x="2490034" y="888005"/>
                  <a:pt x="3820203" y="268550"/>
                  <a:pt x="5260918" y="183821"/>
                </a:cubicBezTo>
                <a:lnTo>
                  <a:pt x="5260918" y="182003"/>
                </a:lnTo>
                <a:cubicBezTo>
                  <a:pt x="5260918" y="182003"/>
                  <a:pt x="5397567" y="174962"/>
                  <a:pt x="5397567" y="174962"/>
                </a:cubicBezTo>
                <a:cubicBezTo>
                  <a:pt x="5884918" y="149974"/>
                  <a:pt x="6370679" y="134982"/>
                  <a:pt x="6840551" y="120444"/>
                </a:cubicBezTo>
                <a:cubicBezTo>
                  <a:pt x="7519681" y="99432"/>
                  <a:pt x="8213352" y="77977"/>
                  <a:pt x="8929324" y="25464"/>
                </a:cubicBezTo>
                <a:close/>
              </a:path>
            </a:pathLst>
          </a:custGeom>
          <a:solidFill>
            <a:schemeClr val="tx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en-US" dirty="0"/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F1BA9C09-8E88-C21C-7BEC-D5BEBDBF5D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350CD129-2BD4-C678-CDDC-3B1E75E50E1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  <p:sp>
        <p:nvSpPr>
          <p:cNvPr id="4" name="Slide Number Placeholder 8">
            <a:extLst>
              <a:ext uri="{FF2B5EF4-FFF2-40B4-BE49-F238E27FC236}">
                <a16:creationId xmlns:a16="http://schemas.microsoft.com/office/drawing/2014/main" id="{34F4C06B-FC19-E252-9F3F-10BFF555573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>
            <a:off x="8604899" y="6397512"/>
            <a:ext cx="269409" cy="18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7D69BB28-DB57-CA5A-8B32-D52EB18313A0}"/>
              </a:ext>
            </a:extLst>
          </p:cNvPr>
          <p:cNvSpPr txBox="1">
            <a:spLocks/>
          </p:cNvSpPr>
          <p:nvPr userDrawn="1"/>
        </p:nvSpPr>
        <p:spPr>
          <a:xfrm>
            <a:off x="260903" y="5287617"/>
            <a:ext cx="1789043" cy="67366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600" dirty="0">
                <a:solidFill>
                  <a:schemeClr val="tx1">
                    <a:lumMod val="65000"/>
                  </a:schemeClr>
                </a:solidFill>
              </a:rPr>
              <a:t>Confidential, unpublished property of Cigna Healthcare. Do not duplicate or distribute. Use and distribution limited solely to authorized personnel. © 2024 Cigna Healthcare.</a:t>
            </a:r>
          </a:p>
        </p:txBody>
      </p:sp>
    </p:spTree>
    <p:extLst>
      <p:ext uri="{BB962C8B-B14F-4D97-AF65-F5344CB8AC3E}">
        <p14:creationId xmlns:p14="http://schemas.microsoft.com/office/powerpoint/2010/main" val="85380638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 white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1"/>
            <a:ext cx="9144900" cy="659876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725300" y="2448000"/>
            <a:ext cx="5691600" cy="2088000"/>
          </a:xfrm>
          <a:noFill/>
        </p:spPr>
        <p:txBody>
          <a:bodyPr anchor="t" anchorCtr="0"/>
          <a:lstStyle>
            <a:lvl1pPr algn="l">
              <a:lnSpc>
                <a:spcPct val="83000"/>
              </a:lnSpc>
              <a:defRPr sz="405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725300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2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4" name="Graphic 18">
            <a:extLst>
              <a:ext uri="{FF2B5EF4-FFF2-40B4-BE49-F238E27FC236}">
                <a16:creationId xmlns:a16="http://schemas.microsoft.com/office/drawing/2014/main" id="{5449E367-4E1D-466C-C39E-92ED41058166}"/>
              </a:ext>
            </a:extLst>
          </p:cNvPr>
          <p:cNvSpPr/>
          <p:nvPr userDrawn="1"/>
        </p:nvSpPr>
        <p:spPr>
          <a:xfrm>
            <a:off x="1724025" y="1625541"/>
            <a:ext cx="760140" cy="700818"/>
          </a:xfrm>
          <a:custGeom>
            <a:avLst/>
            <a:gdLst>
              <a:gd name="connsiteX0" fmla="*/ 5869858 w 6694659"/>
              <a:gd name="connsiteY0" fmla="*/ 2392532 h 4629150"/>
              <a:gd name="connsiteX1" fmla="*/ 6694437 w 6694659"/>
              <a:gd name="connsiteY1" fmla="*/ -53 h 4629150"/>
              <a:gd name="connsiteX2" fmla="*/ 3484512 w 6694659"/>
              <a:gd name="connsiteY2" fmla="*/ 181684 h 4629150"/>
              <a:gd name="connsiteX3" fmla="*/ 3484512 w 6694659"/>
              <a:gd name="connsiteY3" fmla="*/ 183303 h 4629150"/>
              <a:gd name="connsiteX4" fmla="*/ 969341 w 6694659"/>
              <a:gd name="connsiteY4" fmla="*/ 1277535 h 4629150"/>
              <a:gd name="connsiteX5" fmla="*/ 155429 w 6694659"/>
              <a:gd name="connsiteY5" fmla="*/ 4629097 h 4629150"/>
              <a:gd name="connsiteX6" fmla="*/ 5869858 w 6694659"/>
              <a:gd name="connsiteY6" fmla="*/ 2392532 h 46291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6694659" h="4629150">
                <a:moveTo>
                  <a:pt x="5869858" y="2392532"/>
                </a:moveTo>
                <a:cubicBezTo>
                  <a:pt x="6347728" y="1671299"/>
                  <a:pt x="6547276" y="904155"/>
                  <a:pt x="6694437" y="-53"/>
                </a:cubicBezTo>
                <a:cubicBezTo>
                  <a:pt x="5560962" y="147680"/>
                  <a:pt x="4554075" y="128820"/>
                  <a:pt x="3484512" y="181684"/>
                </a:cubicBezTo>
                <a:lnTo>
                  <a:pt x="3484512" y="183303"/>
                </a:lnTo>
                <a:cubicBezTo>
                  <a:pt x="2560587" y="214259"/>
                  <a:pt x="1649426" y="581448"/>
                  <a:pt x="969341" y="1277535"/>
                </a:cubicBezTo>
                <a:cubicBezTo>
                  <a:pt x="59608" y="2208890"/>
                  <a:pt x="-205568" y="3492955"/>
                  <a:pt x="155429" y="4629097"/>
                </a:cubicBezTo>
                <a:cubicBezTo>
                  <a:pt x="1796206" y="3608303"/>
                  <a:pt x="4711333" y="4223332"/>
                  <a:pt x="5869858" y="2392532"/>
                </a:cubicBezTo>
              </a:path>
            </a:pathLst>
          </a:custGeom>
          <a:solidFill>
            <a:srgbClr val="03CC54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350" dirty="0">
              <a:solidFill>
                <a:schemeClr val="accent2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0924764-41E8-0A44-4FDB-6636E9D10AA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607459A-F881-0A9E-2EE6-AF260BB03A2D}"/>
              </a:ext>
            </a:extLst>
          </p:cNvPr>
          <p:cNvSpPr txBox="1">
            <a:spLocks/>
          </p:cNvSpPr>
          <p:nvPr userDrawn="1"/>
        </p:nvSpPr>
        <p:spPr>
          <a:xfrm>
            <a:off x="1502596" y="6328262"/>
            <a:ext cx="7085210" cy="24925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600" dirty="0">
                <a:solidFill>
                  <a:srgbClr val="FFFFFF">
                    <a:lumMod val="65000"/>
                  </a:srgbClr>
                </a:solidFill>
              </a:rPr>
              <a:t>Confidential, unpublished property of Cigna Healthcare. Do not duplicate or distribute. Use and distribution limited solely to authorized personnel. © 2024 Cigna Healthcare.</a:t>
            </a:r>
          </a:p>
        </p:txBody>
      </p:sp>
      <p:sp>
        <p:nvSpPr>
          <p:cNvPr id="10" name="Footer Placeholder 40">
            <a:extLst>
              <a:ext uri="{FF2B5EF4-FFF2-40B4-BE49-F238E27FC236}">
                <a16:creationId xmlns:a16="http://schemas.microsoft.com/office/drawing/2014/main" id="{56B09BF3-3D64-1799-ACDC-9D89ED2F07D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CD9AB12-73C8-6568-2265-BB83F22EF59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3621958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542">
          <p15:clr>
            <a:srgbClr val="A4A3A4"/>
          </p15:clr>
        </p15:guide>
        <p15:guide id="2" orient="horz" pos="3095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86049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8" name="Slide Number Placeholder 8">
            <a:extLst>
              <a:ext uri="{FF2B5EF4-FFF2-40B4-BE49-F238E27FC236}">
                <a16:creationId xmlns:a16="http://schemas.microsoft.com/office/drawing/2014/main" id="{DC7C2A7A-F9DA-3D47-4F71-4333AF412EC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40">
            <a:extLst>
              <a:ext uri="{FF2B5EF4-FFF2-40B4-BE49-F238E27FC236}">
                <a16:creationId xmlns:a16="http://schemas.microsoft.com/office/drawing/2014/main" id="{10561553-9214-D790-1693-242B7F65E5DB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438115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7B7F94-F949-C9D2-64CD-B62B7DC7988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C6E5FE4-1DC9-4259-BC3F-AAA35F55321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Slide Number Placeholder 8">
            <a:extLst>
              <a:ext uri="{FF2B5EF4-FFF2-40B4-BE49-F238E27FC236}">
                <a16:creationId xmlns:a16="http://schemas.microsoft.com/office/drawing/2014/main" id="{9E5C454D-2CF2-7ABC-4C9F-D849E49389A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9DF65BFD-DF89-EB0C-37DE-B12F8D84870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FFA79729-BB65-4054-81E7-F3C82219B418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621200"/>
      </p:ext>
    </p:extLst>
  </p:cSld>
  <p:clrMapOvr>
    <a:masterClrMapping/>
  </p:clrMapOvr>
  <p:transition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7690D69E-A092-71E3-EE69-0F397D7CDEB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799200"/>
            <a:ext cx="8594100" cy="3096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350" b="0">
                <a:solidFill>
                  <a:schemeClr val="bg2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86049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F19252-EDAF-98CE-684D-CA9B7FEE794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40">
            <a:extLst>
              <a:ext uri="{FF2B5EF4-FFF2-40B4-BE49-F238E27FC236}">
                <a16:creationId xmlns:a16="http://schemas.microsoft.com/office/drawing/2014/main" id="{3CF788A4-DD41-3729-3F5C-051731305B5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055151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  <p15:guide id="3" orient="horz" pos="503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63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Content Placeholder 6">
            <a:extLst>
              <a:ext uri="{FF2B5EF4-FFF2-40B4-BE49-F238E27FC236}">
                <a16:creationId xmlns:a16="http://schemas.microsoft.com/office/drawing/2014/main" id="{09321395-6E8C-5A2E-4072-17DE8B1C82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638600" y="1548000"/>
            <a:ext cx="42363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7676C45E-E104-2260-1293-23736BC7964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40">
            <a:extLst>
              <a:ext uri="{FF2B5EF4-FFF2-40B4-BE49-F238E27FC236}">
                <a16:creationId xmlns:a16="http://schemas.microsoft.com/office/drawing/2014/main" id="{0F20F79C-CC8A-4F62-6F42-381EC9F0D14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170271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+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401DCE1F-3AC2-DDC3-E9A6-9C4EDBA5E8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799200"/>
            <a:ext cx="8594100" cy="3096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350" b="0">
                <a:solidFill>
                  <a:schemeClr val="bg2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63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Content Placeholder 6">
            <a:extLst>
              <a:ext uri="{FF2B5EF4-FFF2-40B4-BE49-F238E27FC236}">
                <a16:creationId xmlns:a16="http://schemas.microsoft.com/office/drawing/2014/main" id="{09321395-6E8C-5A2E-4072-17DE8B1C82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638600" y="1548000"/>
            <a:ext cx="42363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03C80031-613E-D5ED-CC4C-7BDE2538E93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40">
            <a:extLst>
              <a:ext uri="{FF2B5EF4-FFF2-40B4-BE49-F238E27FC236}">
                <a16:creationId xmlns:a16="http://schemas.microsoft.com/office/drawing/2014/main" id="{9D9473E6-660A-2FFA-E43F-B160728A75A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37645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  <p15:guide id="3" orient="horz" pos="503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70000" y="1548000"/>
            <a:ext cx="27783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183300" y="1548000"/>
            <a:ext cx="27783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096600" y="1548000"/>
            <a:ext cx="27783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8" name="Slide Number Placeholder 8">
            <a:extLst>
              <a:ext uri="{FF2B5EF4-FFF2-40B4-BE49-F238E27FC236}">
                <a16:creationId xmlns:a16="http://schemas.microsoft.com/office/drawing/2014/main" id="{474CD04F-7A12-4E3C-A869-B080A97E7B2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40">
            <a:extLst>
              <a:ext uri="{FF2B5EF4-FFF2-40B4-BE49-F238E27FC236}">
                <a16:creationId xmlns:a16="http://schemas.microsoft.com/office/drawing/2014/main" id="{41697228-AD52-0C6C-3F7C-4ED07C74C5B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47820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3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Background">
            <a:extLst>
              <a:ext uri="{FF2B5EF4-FFF2-40B4-BE49-F238E27FC236}">
                <a16:creationId xmlns:a16="http://schemas.microsoft.com/office/drawing/2014/main" id="{D35C833D-5972-BF57-2BA3-C9E867EBC13B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E5D9784-E8EE-515A-C24D-BEA028F4E6E1}"/>
              </a:ext>
            </a:extLst>
          </p:cNvPr>
          <p:cNvSpPr txBox="1"/>
          <p:nvPr userDrawn="1"/>
        </p:nvSpPr>
        <p:spPr>
          <a:xfrm>
            <a:off x="6762307" y="0"/>
            <a:ext cx="2381693" cy="6858000"/>
          </a:xfrm>
          <a:prstGeom prst="round2DiagRect">
            <a:avLst/>
          </a:prstGeom>
          <a:solidFill>
            <a:srgbClr val="F4F4F4"/>
          </a:solidFill>
          <a:ln w="28575">
            <a:noFill/>
          </a:ln>
        </p:spPr>
        <p:txBody>
          <a:bodyPr wrap="square" lIns="137160" tIns="0" rIns="0" bIns="0" rtlCol="0" anchor="ctr">
            <a:noAutofit/>
          </a:bodyPr>
          <a:lstStyle/>
          <a:p>
            <a:endParaRPr lang="en-US" sz="1200" dirty="0">
              <a:solidFill>
                <a:schemeClr val="tx2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62070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6207000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Slide Number Placeholder 8">
            <a:extLst>
              <a:ext uri="{FF2B5EF4-FFF2-40B4-BE49-F238E27FC236}">
                <a16:creationId xmlns:a16="http://schemas.microsoft.com/office/drawing/2014/main" id="{66FABB91-86EF-E472-1BD1-C0F1938DFD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>
            <a:off x="8604899" y="6397512"/>
            <a:ext cx="269409" cy="18000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B96B15C8-FC45-B81F-B6F9-05F398B4B480}"/>
              </a:ext>
            </a:extLst>
          </p:cNvPr>
          <p:cNvSpPr txBox="1">
            <a:spLocks/>
          </p:cNvSpPr>
          <p:nvPr userDrawn="1"/>
        </p:nvSpPr>
        <p:spPr>
          <a:xfrm>
            <a:off x="3031236" y="6132444"/>
            <a:ext cx="3448894" cy="44506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750" dirty="0">
                <a:solidFill>
                  <a:schemeClr val="bg1">
                    <a:lumMod val="65000"/>
                  </a:schemeClr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.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B1DCB49B-946F-56F7-A450-C879403589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  <p:sp>
        <p:nvSpPr>
          <p:cNvPr id="15" name="Footer Placeholder 40">
            <a:extLst>
              <a:ext uri="{FF2B5EF4-FFF2-40B4-BE49-F238E27FC236}">
                <a16:creationId xmlns:a16="http://schemas.microsoft.com/office/drawing/2014/main" id="{B76F03C2-B809-7E36-0C40-0C3D0A22002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972206" y="6155801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50">
                <a:solidFill>
                  <a:schemeClr val="bg1">
                    <a:lumMod val="65000"/>
                  </a:schemeClr>
                </a:solidFill>
                <a:latin typeface="Arial Narrow" panose="020B0606020202030204" pitchFamily="34" charset="0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250063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Background">
            <a:extLst>
              <a:ext uri="{FF2B5EF4-FFF2-40B4-BE49-F238E27FC236}">
                <a16:creationId xmlns:a16="http://schemas.microsoft.com/office/drawing/2014/main" id="{D35C833D-5972-BF57-2BA3-C9E867EBC13B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392C5249-9040-41B4-1E81-409B0CBABD8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638676" y="0"/>
            <a:ext cx="4505324" cy="6858000"/>
          </a:xfrm>
          <a:custGeom>
            <a:avLst/>
            <a:gdLst>
              <a:gd name="connsiteX0" fmla="*/ 0 w 6007098"/>
              <a:gd name="connsiteY0" fmla="*/ 0 h 6678000"/>
              <a:gd name="connsiteX1" fmla="*/ 6007098 w 6007098"/>
              <a:gd name="connsiteY1" fmla="*/ 0 h 6678000"/>
              <a:gd name="connsiteX2" fmla="*/ 6007098 w 6007098"/>
              <a:gd name="connsiteY2" fmla="*/ 6678000 h 6678000"/>
              <a:gd name="connsiteX3" fmla="*/ 0 w 6007098"/>
              <a:gd name="connsiteY3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007098" h="6678000">
                <a:moveTo>
                  <a:pt x="0" y="0"/>
                </a:moveTo>
                <a:lnTo>
                  <a:pt x="6007098" y="0"/>
                </a:lnTo>
                <a:lnTo>
                  <a:pt x="6007098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5325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Slide Number Placeholder 8">
            <a:extLst>
              <a:ext uri="{FF2B5EF4-FFF2-40B4-BE49-F238E27FC236}">
                <a16:creationId xmlns:a16="http://schemas.microsoft.com/office/drawing/2014/main" id="{66FABB91-86EF-E472-1BD1-C0F1938DFD0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>
          <a:xfrm>
            <a:off x="8604899" y="6397512"/>
            <a:ext cx="269409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B96B15C8-FC45-B81F-B6F9-05F398B4B480}"/>
              </a:ext>
            </a:extLst>
          </p:cNvPr>
          <p:cNvSpPr txBox="1">
            <a:spLocks/>
          </p:cNvSpPr>
          <p:nvPr userDrawn="1"/>
        </p:nvSpPr>
        <p:spPr>
          <a:xfrm>
            <a:off x="1508098" y="6132444"/>
            <a:ext cx="2877379" cy="44506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600" dirty="0">
                <a:solidFill>
                  <a:schemeClr val="bg1">
                    <a:lumMod val="65000"/>
                  </a:schemeClr>
                </a:solidFill>
              </a:rPr>
              <a:t>Confidential, unpublished property of Cigna Healthcare. Do not duplicate or distribute. Use and distribution limited solely to authorized personnel. © 2024 Cigna Healthcare.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B1DCB49B-946F-56F7-A450-C879403589A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  <p:sp>
        <p:nvSpPr>
          <p:cNvPr id="15" name="Footer Placeholder 40">
            <a:extLst>
              <a:ext uri="{FF2B5EF4-FFF2-40B4-BE49-F238E27FC236}">
                <a16:creationId xmlns:a16="http://schemas.microsoft.com/office/drawing/2014/main" id="{B76F03C2-B809-7E36-0C40-0C3D0A22002F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877553" y="6020335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15517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143DDFEA-7FDA-2AAD-1A0F-C08F96949B4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639866" y="356400"/>
            <a:ext cx="4235034" cy="55656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5325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3" name="Slide Number Placeholder 8">
            <a:extLst>
              <a:ext uri="{FF2B5EF4-FFF2-40B4-BE49-F238E27FC236}">
                <a16:creationId xmlns:a16="http://schemas.microsoft.com/office/drawing/2014/main" id="{B542784D-E254-A080-ACB1-8D3657178E1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0">
            <a:extLst>
              <a:ext uri="{FF2B5EF4-FFF2-40B4-BE49-F238E27FC236}">
                <a16:creationId xmlns:a16="http://schemas.microsoft.com/office/drawing/2014/main" id="{C7026DDC-7EE8-A5D8-7B62-7F4341E335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896125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86606BD4-1799-139C-08BA-7BFDA115B005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E5DAD372-99F5-FF83-64CD-7F174A0C3E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C22FDDB-B6BB-2D1D-4EB4-8E54F77638B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5082495" y="0"/>
            <a:ext cx="4061507" cy="6858000"/>
          </a:xfrm>
          <a:custGeom>
            <a:avLst/>
            <a:gdLst>
              <a:gd name="connsiteX0" fmla="*/ 1004362 w 5273207"/>
              <a:gd name="connsiteY0" fmla="*/ 0 h 6678000"/>
              <a:gd name="connsiteX1" fmla="*/ 5273207 w 5273207"/>
              <a:gd name="connsiteY1" fmla="*/ 0 h 6678000"/>
              <a:gd name="connsiteX2" fmla="*/ 5273207 w 5273207"/>
              <a:gd name="connsiteY2" fmla="*/ 6678000 h 6678000"/>
              <a:gd name="connsiteX3" fmla="*/ 0 w 5273207"/>
              <a:gd name="connsiteY3" fmla="*/ 6678000 h 6678000"/>
              <a:gd name="connsiteX4" fmla="*/ 23422 w 5273207"/>
              <a:gd name="connsiteY4" fmla="*/ 6301100 h 6678000"/>
              <a:gd name="connsiteX5" fmla="*/ 1022090 w 5273207"/>
              <a:gd name="connsiteY5" fmla="*/ 15687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5273207" h="6678000">
                <a:moveTo>
                  <a:pt x="1004362" y="0"/>
                </a:moveTo>
                <a:lnTo>
                  <a:pt x="5273207" y="0"/>
                </a:lnTo>
                <a:lnTo>
                  <a:pt x="5273207" y="6678000"/>
                </a:lnTo>
                <a:lnTo>
                  <a:pt x="0" y="6678000"/>
                </a:lnTo>
                <a:lnTo>
                  <a:pt x="23422" y="6301100"/>
                </a:lnTo>
                <a:cubicBezTo>
                  <a:pt x="204269" y="4293714"/>
                  <a:pt x="1188942" y="2196400"/>
                  <a:pt x="1022090" y="15687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5325" cy="43776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3pPr>
              <a:defRPr>
                <a:solidFill>
                  <a:schemeClr val="bg2"/>
                </a:solidFill>
              </a:defRPr>
            </a:lvl3pPr>
            <a:lvl4pPr>
              <a:defRPr>
                <a:solidFill>
                  <a:schemeClr val="bg2"/>
                </a:solidFill>
              </a:defRPr>
            </a:lvl4pPr>
            <a:lvl5pPr>
              <a:defRPr>
                <a:solidFill>
                  <a:schemeClr val="bg2"/>
                </a:solidFill>
              </a:defRPr>
            </a:lvl5pPr>
            <a:lvl6pPr>
              <a:defRPr>
                <a:solidFill>
                  <a:schemeClr val="bg2"/>
                </a:solidFill>
              </a:defRPr>
            </a:lvl6pPr>
            <a:lvl7pPr>
              <a:defRPr>
                <a:solidFill>
                  <a:schemeClr val="bg2"/>
                </a:solidFill>
              </a:defRPr>
            </a:lvl7pPr>
            <a:lvl8pPr>
              <a:defRPr>
                <a:solidFill>
                  <a:schemeClr val="bg2"/>
                </a:solidFill>
              </a:defRPr>
            </a:lvl8pPr>
            <a:lvl9pP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4">
            <a:extLst>
              <a:ext uri="{FF2B5EF4-FFF2-40B4-BE49-F238E27FC236}">
                <a16:creationId xmlns:a16="http://schemas.microsoft.com/office/drawing/2014/main" id="{9BA35B14-F673-AD54-D489-F9034C4ADEEE}"/>
              </a:ext>
            </a:extLst>
          </p:cNvPr>
          <p:cNvSpPr txBox="1">
            <a:spLocks/>
          </p:cNvSpPr>
          <p:nvPr userDrawn="1"/>
        </p:nvSpPr>
        <p:spPr>
          <a:xfrm>
            <a:off x="1884287" y="6132444"/>
            <a:ext cx="2974803" cy="44506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750" dirty="0">
                <a:solidFill>
                  <a:schemeClr val="bg1">
                    <a:lumMod val="65000"/>
                  </a:schemeClr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.</a:t>
            </a:r>
          </a:p>
        </p:txBody>
      </p:sp>
      <p:sp>
        <p:nvSpPr>
          <p:cNvPr id="8" name="Footer Placeholder 40">
            <a:extLst>
              <a:ext uri="{FF2B5EF4-FFF2-40B4-BE49-F238E27FC236}">
                <a16:creationId xmlns:a16="http://schemas.microsoft.com/office/drawing/2014/main" id="{CBDFF98E-A9A7-F58E-6050-834E6679024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351165" y="6020335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107172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2778300" cy="2610000"/>
          </a:xfrm>
        </p:spPr>
        <p:txBody>
          <a:bodyPr/>
          <a:lstStyle>
            <a:lvl1pPr>
              <a:defRPr sz="1800"/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70000" y="3315600"/>
            <a:ext cx="2778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 dirty="0"/>
          </a:p>
          <a:p>
            <a:pPr lvl="1"/>
            <a:endParaRPr lang="en-US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183300" y="360000"/>
            <a:ext cx="2778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3183300" y="3315600"/>
            <a:ext cx="2778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DDB3A432-B5B7-1DB6-A154-728FC5E0DDA2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6096600" y="360000"/>
            <a:ext cx="2778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A5080388-917E-C36A-04A1-C8069CBFA980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6096600" y="3315600"/>
            <a:ext cx="2778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4" name="Slide Number Placeholder 8">
            <a:extLst>
              <a:ext uri="{FF2B5EF4-FFF2-40B4-BE49-F238E27FC236}">
                <a16:creationId xmlns:a16="http://schemas.microsoft.com/office/drawing/2014/main" id="{347BE7F1-DEA6-B9CC-DFEF-620B0387D4F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0">
            <a:extLst>
              <a:ext uri="{FF2B5EF4-FFF2-40B4-BE49-F238E27FC236}">
                <a16:creationId xmlns:a16="http://schemas.microsoft.com/office/drawing/2014/main" id="{71D1387A-71D8-0145-ED8B-4A12F425383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390393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3">
          <p15:clr>
            <a:srgbClr val="A4A3A4"/>
          </p15:clr>
        </p15:guide>
        <p15:guide id="3" orient="horz" pos="2088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2049300" cy="2610000"/>
          </a:xfrm>
        </p:spPr>
        <p:txBody>
          <a:bodyPr/>
          <a:lstStyle>
            <a:lvl1pPr>
              <a:defRPr sz="1800"/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70000" y="3315600"/>
            <a:ext cx="2049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2454300" y="360000"/>
            <a:ext cx="2049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2454300" y="3315600"/>
            <a:ext cx="2049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 dirty="0"/>
          </a:p>
          <a:p>
            <a:pPr lvl="1"/>
            <a:endParaRPr lang="en-US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DDB3A432-B5B7-1DB6-A154-728FC5E0DDA2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4639866" y="360000"/>
            <a:ext cx="2049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A5080388-917E-C36A-04A1-C8069CBFA980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4639866" y="3315600"/>
            <a:ext cx="2049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4" name="Content Placeholder 4">
            <a:extLst>
              <a:ext uri="{FF2B5EF4-FFF2-40B4-BE49-F238E27FC236}">
                <a16:creationId xmlns:a16="http://schemas.microsoft.com/office/drawing/2014/main" id="{3DBDC930-EF32-F81E-E492-F1792A03922C}"/>
              </a:ext>
            </a:extLst>
          </p:cNvPr>
          <p:cNvSpPr>
            <a:spLocks noGrp="1"/>
          </p:cNvSpPr>
          <p:nvPr>
            <p:ph sz="half" idx="22" hasCustomPrompt="1"/>
          </p:nvPr>
        </p:nvSpPr>
        <p:spPr>
          <a:xfrm>
            <a:off x="6825600" y="360000"/>
            <a:ext cx="2049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1FBB305-A006-8062-DB21-A7051AB973F8}"/>
              </a:ext>
            </a:extLst>
          </p:cNvPr>
          <p:cNvSpPr>
            <a:spLocks noGrp="1"/>
          </p:cNvSpPr>
          <p:nvPr>
            <p:ph sz="half" idx="23" hasCustomPrompt="1"/>
          </p:nvPr>
        </p:nvSpPr>
        <p:spPr>
          <a:xfrm>
            <a:off x="6825600" y="3315600"/>
            <a:ext cx="2049300" cy="2610000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  <a:lvl2pPr>
              <a:defRPr>
                <a:solidFill>
                  <a:schemeClr val="bg2"/>
                </a:solidFill>
              </a:defRPr>
            </a:lvl2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6" name="Slide Number Placeholder 8">
            <a:extLst>
              <a:ext uri="{FF2B5EF4-FFF2-40B4-BE49-F238E27FC236}">
                <a16:creationId xmlns:a16="http://schemas.microsoft.com/office/drawing/2014/main" id="{BC54C31B-213F-C3CE-ABD0-615857B140F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Footer Placeholder 40">
            <a:extLst>
              <a:ext uri="{FF2B5EF4-FFF2-40B4-BE49-F238E27FC236}">
                <a16:creationId xmlns:a16="http://schemas.microsoft.com/office/drawing/2014/main" id="{761A8517-2C51-6BDA-2C3A-628135B0301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633181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3">
          <p15:clr>
            <a:srgbClr val="A4A3A4"/>
          </p15:clr>
        </p15:guide>
        <p15:guide id="3" orient="horz" pos="2088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4222F3A-0938-B89E-F4AB-85FEE18072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6260B9D-3512-C97D-CC45-A43A179A5DA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28650" y="1825625"/>
            <a:ext cx="3886200" cy="435133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27026FA-4782-12C8-2CC1-2C750945158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29150" y="1825625"/>
            <a:ext cx="3886200" cy="435133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Slide Number Placeholder 8">
            <a:extLst>
              <a:ext uri="{FF2B5EF4-FFF2-40B4-BE49-F238E27FC236}">
                <a16:creationId xmlns:a16="http://schemas.microsoft.com/office/drawing/2014/main" id="{FE5CA4D3-49C6-B852-43DA-B4A74725DA2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7FB7DA05-78AF-852F-0648-8EF3193C39F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9EB539C5-7C2F-4AA6-A298-E0F92F80EC76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3439003"/>
      </p:ext>
    </p:extLst>
  </p:cSld>
  <p:clrMapOvr>
    <a:masterClrMapping/>
  </p:clrMapOvr>
  <p:transition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Slide Number Placeholder 8">
            <a:extLst>
              <a:ext uri="{FF2B5EF4-FFF2-40B4-BE49-F238E27FC236}">
                <a16:creationId xmlns:a16="http://schemas.microsoft.com/office/drawing/2014/main" id="{F74C5EF7-898C-4E00-24AB-6141D55E223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Footer Placeholder 40">
            <a:extLst>
              <a:ext uri="{FF2B5EF4-FFF2-40B4-BE49-F238E27FC236}">
                <a16:creationId xmlns:a16="http://schemas.microsoft.com/office/drawing/2014/main" id="{6B5695BB-556C-C72A-7CE0-E553B798C1E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50">
                <a:solidFill>
                  <a:schemeClr val="bg1">
                    <a:lumMod val="65000"/>
                  </a:schemeClr>
                </a:solidFill>
                <a:latin typeface="Arial Narrow" panose="020B0606020202030204" pitchFamily="34" charset="0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679050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8">
            <a:extLst>
              <a:ext uri="{FF2B5EF4-FFF2-40B4-BE49-F238E27FC236}">
                <a16:creationId xmlns:a16="http://schemas.microsoft.com/office/drawing/2014/main" id="{B70F6B6D-C086-C238-0DFA-26961C2681B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40">
            <a:extLst>
              <a:ext uri="{FF2B5EF4-FFF2-40B4-BE49-F238E27FC236}">
                <a16:creationId xmlns:a16="http://schemas.microsoft.com/office/drawing/2014/main" id="{4A81F0D2-EA46-6C35-4D36-32D1F533CDC9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31837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Box 4">
            <a:extLst>
              <a:ext uri="{FF2B5EF4-FFF2-40B4-BE49-F238E27FC236}">
                <a16:creationId xmlns:a16="http://schemas.microsoft.com/office/drawing/2014/main" id="{E2E20571-3CD4-BCCB-FDD3-C02735CE103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103070" y="1158428"/>
            <a:ext cx="2167807" cy="3943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450"/>
              </a:spcAft>
              <a:defRPr/>
            </a:pPr>
            <a:endParaRPr lang="en-US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105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 sz="135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  <a:endParaRPr lang="en-US" sz="135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6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6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6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6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600" b="1" i="0" u="sng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When presentation is done, open an empty presentation (press Ctrl+N). Copy all slides from presentation, paste them into empty one. This will ensure that there are no extra layouts</a:t>
            </a:r>
            <a:endParaRPr lang="en-US" sz="135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 sz="135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US" sz="135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endParaRPr lang="en-US" altLang="da-DK" sz="6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1050" kern="1200" cap="all" baseline="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lor</a:t>
            </a:r>
            <a:endParaRPr lang="en-US" sz="135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Theme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 th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mpany color, Accent 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1-6 is the color that th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harts and SmartArt us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Gradients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PPT standard colors</a:t>
            </a:r>
            <a:endParaRPr lang="en-US" sz="135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ustom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 th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lor to use in icons</a:t>
            </a:r>
            <a:endParaRPr lang="en-US" sz="135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Standard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PPT standard colors</a:t>
            </a:r>
            <a:endParaRPr lang="en-US" sz="1350" dirty="0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386B521F-7854-3AC6-2DFC-66EB734B006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70033" y="4675068"/>
            <a:ext cx="890705" cy="1685854"/>
          </a:xfrm>
          <a:prstGeom prst="rect">
            <a:avLst/>
          </a:prstGeom>
        </p:spPr>
      </p:pic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269082" y="358776"/>
            <a:ext cx="833199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2400" b="0" noProof="1">
                <a:solidFill>
                  <a:schemeClr val="tx1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  <a:endParaRPr lang="en-US" sz="1350" dirty="0"/>
          </a:p>
        </p:txBody>
      </p:sp>
      <p:sp>
        <p:nvSpPr>
          <p:cNvPr id="3" name="Text Box 2">
            <a:extLst>
              <a:ext uri="{FF2B5EF4-FFF2-40B4-BE49-F238E27FC236}">
                <a16:creationId xmlns:a16="http://schemas.microsoft.com/office/drawing/2014/main" id="{DD1533B4-EF59-9409-9963-5CD901F1DC4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69081" y="1158429"/>
            <a:ext cx="2052000" cy="3926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latin typeface="+mn-lt"/>
                <a:cs typeface="Verdana" panose="020B0604030504040204" pitchFamily="34" charset="0"/>
              </a:rPr>
              <a:t>TEXT STYLES</a:t>
            </a:r>
            <a:endParaRPr lang="en-US" altLang="da-DK" sz="105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US" sz="600" b="1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sz="6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US" sz="6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US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US" sz="6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endParaRPr lang="en-US" sz="60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Use bullet button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Delete bullet for regular text.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on the bullet button to reaply the correct bullet again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675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1050" dirty="0">
                <a:latin typeface="+mn-lt"/>
                <a:cs typeface="Verdana" panose="020B0604030504040204" pitchFamily="34" charset="0"/>
              </a:rPr>
              <a:t>SLIDES &amp; LAYOUTS</a:t>
            </a:r>
            <a:br>
              <a:rPr lang="en-US" altLang="da-DK" sz="675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75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600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Click on the arrow next to </a:t>
            </a:r>
            <a:r>
              <a:rPr lang="en-US" sz="600" b="1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Layout </a:t>
            </a:r>
            <a:r>
              <a:rPr lang="en-US" sz="600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to view a dropdown menu of possible slide layouts</a:t>
            </a:r>
            <a:b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Reset slide</a:t>
            </a:r>
            <a:endParaRPr lang="en-US" sz="600" dirty="0"/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6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US" altLang="da-DK" sz="6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US" altLang="da-DK" sz="6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  <a:endParaRPr lang="en-US" sz="1350" dirty="0"/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endParaRPr lang="en-US" altLang="da-DK" sz="60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sz="1050" dirty="0">
                <a:latin typeface="+mn-lt"/>
                <a:cs typeface="Verdana" panose="020B0604030504040204" pitchFamily="34" charset="0"/>
              </a:rPr>
              <a:t>GRIDLINES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US" altLang="da-DK" sz="6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endParaRPr lang="en-US" altLang="da-DK" sz="675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</p:txBody>
      </p:sp>
      <p:pic>
        <p:nvPicPr>
          <p:cNvPr id="4" name="Picture 2">
            <a:extLst>
              <a:ext uri="{FF2B5EF4-FFF2-40B4-BE49-F238E27FC236}">
                <a16:creationId xmlns:a16="http://schemas.microsoft.com/office/drawing/2014/main" id="{206C40C9-5CF1-CCAF-F622-3E4A91B39882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247138" y="2730085"/>
            <a:ext cx="192857" cy="285714"/>
          </a:xfrm>
          <a:prstGeom prst="rect">
            <a:avLst/>
          </a:prstGeom>
        </p:spPr>
      </p:pic>
      <p:pic>
        <p:nvPicPr>
          <p:cNvPr id="5" name="Picture 29">
            <a:extLst>
              <a:ext uri="{FF2B5EF4-FFF2-40B4-BE49-F238E27FC236}">
                <a16:creationId xmlns:a16="http://schemas.microsoft.com/office/drawing/2014/main" id="{8CC33CD9-EC9E-CAF0-0F73-DAB1AF5DB56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247544" y="2107633"/>
            <a:ext cx="342857" cy="257143"/>
          </a:xfrm>
          <a:prstGeom prst="rect">
            <a:avLst/>
          </a:prstGeom>
        </p:spPr>
      </p:pic>
      <p:pic>
        <p:nvPicPr>
          <p:cNvPr id="6" name="Picture 16">
            <a:extLst>
              <a:ext uri="{FF2B5EF4-FFF2-40B4-BE49-F238E27FC236}">
                <a16:creationId xmlns:a16="http://schemas.microsoft.com/office/drawing/2014/main" id="{C99C8939-A102-1CFF-E2E6-F3086BC21F95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251954" y="3678076"/>
            <a:ext cx="246661" cy="505501"/>
          </a:xfrm>
          <a:prstGeom prst="rect">
            <a:avLst/>
          </a:prstGeom>
        </p:spPr>
      </p:pic>
      <p:pic>
        <p:nvPicPr>
          <p:cNvPr id="7" name="Picture 20">
            <a:extLst>
              <a:ext uri="{FF2B5EF4-FFF2-40B4-BE49-F238E27FC236}">
                <a16:creationId xmlns:a16="http://schemas.microsoft.com/office/drawing/2014/main" id="{4B31AD51-13DB-66BB-0F54-7830F1476354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251954" y="4892752"/>
            <a:ext cx="403849" cy="17284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1C6B78E-2FEA-9A0D-FD04-670650C7BF2B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251953" y="4404845"/>
            <a:ext cx="356571" cy="176762"/>
          </a:xfrm>
          <a:prstGeom prst="rect">
            <a:avLst/>
          </a:prstGeom>
        </p:spPr>
      </p:pic>
      <p:sp>
        <p:nvSpPr>
          <p:cNvPr id="9" name="Text Box 3">
            <a:extLst>
              <a:ext uri="{FF2B5EF4-FFF2-40B4-BE49-F238E27FC236}">
                <a16:creationId xmlns:a16="http://schemas.microsoft.com/office/drawing/2014/main" id="{ED94339F-4657-3DBA-70AA-5440984DF9E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053438" y="1158429"/>
            <a:ext cx="2167808" cy="399724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90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latin typeface="+mn-lt"/>
                <a:cs typeface="Verdana" panose="020B0604030504040204" pitchFamily="34" charset="0"/>
              </a:rPr>
              <a:t>PICTURES</a:t>
            </a:r>
            <a:br>
              <a:rPr lang="en-US" sz="675" dirty="0">
                <a:latin typeface="+mn-lt"/>
                <a:cs typeface="Verdana" panose="020B0604030504040204" pitchFamily="34" charset="0"/>
              </a:rPr>
            </a:b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US" altLang="da-DK" sz="6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button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US" altLang="da-DK" sz="600" b="0" i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US" altLang="da-DK" sz="60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endParaRPr lang="en-US" altLang="da-DK" sz="600" b="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 picture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</a:t>
            </a:r>
            <a:endParaRPr lang="en-US" sz="600" dirty="0"/>
          </a:p>
          <a:p>
            <a:pPr eaLnBrk="1" hangingPunct="1">
              <a:spcBef>
                <a:spcPts val="900"/>
              </a:spcBef>
              <a:spcAft>
                <a:spcPts val="450"/>
              </a:spcAft>
              <a:defRPr/>
            </a:pP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rop picture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endParaRPr lang="en-US" altLang="da-DK" sz="6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this happens, select the picture, right-click and choos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end to Back</a:t>
            </a:r>
            <a:endParaRPr lang="en-US" sz="1350" dirty="0"/>
          </a:p>
          <a:p>
            <a:pPr eaLnBrk="1" hangingPunct="1">
              <a:spcAft>
                <a:spcPts val="450"/>
              </a:spcAft>
              <a:defRPr/>
            </a:pPr>
            <a:endParaRPr lang="en-US" altLang="da-DK" sz="600" b="1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</a:t>
            </a:r>
            <a:endParaRPr lang="en-US" sz="135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en-US" sz="135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en-US" sz="135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 sz="1350" dirty="0"/>
          </a:p>
          <a:p>
            <a:pPr eaLnBrk="1" hangingPunct="1">
              <a:spcAft>
                <a:spcPts val="450"/>
              </a:spcAft>
              <a:defRPr/>
            </a:pPr>
            <a:b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75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endParaRPr lang="en-US" sz="600" dirty="0"/>
          </a:p>
        </p:txBody>
      </p:sp>
      <p:grpSp>
        <p:nvGrpSpPr>
          <p:cNvPr id="10" name="Gruppe 25">
            <a:extLst>
              <a:ext uri="{FF2B5EF4-FFF2-40B4-BE49-F238E27FC236}">
                <a16:creationId xmlns:a16="http://schemas.microsoft.com/office/drawing/2014/main" id="{3C7AF367-4A66-7146-8EEE-29037B806555}"/>
              </a:ext>
            </a:extLst>
          </p:cNvPr>
          <p:cNvGrpSpPr/>
          <p:nvPr userDrawn="1"/>
        </p:nvGrpSpPr>
        <p:grpSpPr>
          <a:xfrm>
            <a:off x="5312867" y="1246258"/>
            <a:ext cx="507502" cy="997704"/>
            <a:chOff x="6442771" y="2574072"/>
            <a:chExt cx="676669" cy="997704"/>
          </a:xfrm>
        </p:grpSpPr>
        <p:pic>
          <p:nvPicPr>
            <p:cNvPr id="11" name="Billede 26">
              <a:extLst>
                <a:ext uri="{FF2B5EF4-FFF2-40B4-BE49-F238E27FC236}">
                  <a16:creationId xmlns:a16="http://schemas.microsoft.com/office/drawing/2014/main" id="{49431F75-01B2-005B-9A87-0DFEFC95062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12" name="Billede 37">
              <a:extLst>
                <a:ext uri="{FF2B5EF4-FFF2-40B4-BE49-F238E27FC236}">
                  <a16:creationId xmlns:a16="http://schemas.microsoft.com/office/drawing/2014/main" id="{CC6B5F15-2997-8F24-5D45-71E9294089DB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13" name="Picture 33">
            <a:extLst>
              <a:ext uri="{FF2B5EF4-FFF2-40B4-BE49-F238E27FC236}">
                <a16:creationId xmlns:a16="http://schemas.microsoft.com/office/drawing/2014/main" id="{7BA93CDD-4953-B526-F43D-D7B2715FB0C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12867" y="2468289"/>
            <a:ext cx="255903" cy="321707"/>
          </a:xfrm>
          <a:prstGeom prst="rect">
            <a:avLst/>
          </a:prstGeom>
        </p:spPr>
      </p:pic>
      <p:pic>
        <p:nvPicPr>
          <p:cNvPr id="14" name="Picture 19">
            <a:extLst>
              <a:ext uri="{FF2B5EF4-FFF2-40B4-BE49-F238E27FC236}">
                <a16:creationId xmlns:a16="http://schemas.microsoft.com/office/drawing/2014/main" id="{98BA0837-6839-DAB4-E7C3-21572537DDF7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5354882" y="3271730"/>
            <a:ext cx="235341" cy="543900"/>
          </a:xfrm>
          <a:prstGeom prst="rect">
            <a:avLst/>
          </a:prstGeom>
        </p:spPr>
      </p:pic>
      <p:pic>
        <p:nvPicPr>
          <p:cNvPr id="15" name="Picture 2" descr="C:\Users\MAV~1.SKA\AppData\Local\Temp\SNAGHTMLe48c1e.PNG">
            <a:extLst>
              <a:ext uri="{FF2B5EF4-FFF2-40B4-BE49-F238E27FC236}">
                <a16:creationId xmlns:a16="http://schemas.microsoft.com/office/drawing/2014/main" id="{5D7FA782-3A1E-8CDD-81B3-CE360E04844B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2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8386781" y="3212837"/>
            <a:ext cx="488138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" name="Picture 12">
            <a:extLst>
              <a:ext uri="{FF2B5EF4-FFF2-40B4-BE49-F238E27FC236}">
                <a16:creationId xmlns:a16="http://schemas.microsoft.com/office/drawing/2014/main" id="{D3B0EB13-EA50-B6B2-7C04-45ADF1D48984}"/>
              </a:ext>
            </a:extLst>
          </p:cNvPr>
          <p:cNvPicPr>
            <a:picLocks noChangeAspect="1"/>
          </p:cNvPicPr>
          <p:nvPr userDrawn="1"/>
        </p:nvPicPr>
        <p:blipFill>
          <a:blip r:embed="rId13"/>
          <a:stretch>
            <a:fillRect/>
          </a:stretch>
        </p:blipFill>
        <p:spPr>
          <a:xfrm>
            <a:off x="5334169" y="5159808"/>
            <a:ext cx="283720" cy="543366"/>
          </a:xfrm>
          <a:prstGeom prst="rect">
            <a:avLst/>
          </a:prstGeom>
        </p:spPr>
      </p:pic>
      <p:sp>
        <p:nvSpPr>
          <p:cNvPr id="18" name="Tekstfelt 17">
            <a:extLst>
              <a:ext uri="{FF2B5EF4-FFF2-40B4-BE49-F238E27FC236}">
                <a16:creationId xmlns:a16="http://schemas.microsoft.com/office/drawing/2014/main" id="{8443DBBE-3F73-415B-421B-5F6178BE0CDB}"/>
              </a:ext>
            </a:extLst>
          </p:cNvPr>
          <p:cNvSpPr txBox="1"/>
          <p:nvPr userDrawn="1"/>
        </p:nvSpPr>
        <p:spPr>
          <a:xfrm>
            <a:off x="8054138" y="4818007"/>
            <a:ext cx="81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Theme Colors and </a:t>
            </a:r>
            <a:br>
              <a:rPr lang="en-GB" sz="600" dirty="0">
                <a:solidFill>
                  <a:schemeClr val="tx1"/>
                </a:solidFill>
              </a:rPr>
            </a:br>
            <a:r>
              <a:rPr lang="en-US" sz="600" dirty="0">
                <a:solidFill>
                  <a:schemeClr val="tx1"/>
                </a:solidFill>
              </a:rPr>
              <a:t>Accent 1-6 for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harts</a:t>
            </a:r>
            <a:endParaRPr lang="en-US" sz="600" dirty="0">
              <a:solidFill>
                <a:schemeClr val="tx1"/>
              </a:solidFill>
            </a:endParaRPr>
          </a:p>
        </p:txBody>
      </p:sp>
      <p:sp>
        <p:nvSpPr>
          <p:cNvPr id="20" name="Tekstfelt 18">
            <a:extLst>
              <a:ext uri="{FF2B5EF4-FFF2-40B4-BE49-F238E27FC236}">
                <a16:creationId xmlns:a16="http://schemas.microsoft.com/office/drawing/2014/main" id="{BBBE9554-C75C-23D0-B05A-940BB9F507C0}"/>
              </a:ext>
            </a:extLst>
          </p:cNvPr>
          <p:cNvSpPr txBox="1"/>
          <p:nvPr userDrawn="1"/>
        </p:nvSpPr>
        <p:spPr>
          <a:xfrm>
            <a:off x="8054138" y="5214329"/>
            <a:ext cx="81000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Gradients Colors</a:t>
            </a:r>
            <a:endParaRPr lang="en-US" sz="1350" dirty="0"/>
          </a:p>
        </p:txBody>
      </p:sp>
      <p:sp>
        <p:nvSpPr>
          <p:cNvPr id="21" name="Tekstfelt 20">
            <a:extLst>
              <a:ext uri="{FF2B5EF4-FFF2-40B4-BE49-F238E27FC236}">
                <a16:creationId xmlns:a16="http://schemas.microsoft.com/office/drawing/2014/main" id="{9F488F6E-2B59-854E-F55E-F12F30B35330}"/>
              </a:ext>
            </a:extLst>
          </p:cNvPr>
          <p:cNvSpPr txBox="1"/>
          <p:nvPr userDrawn="1"/>
        </p:nvSpPr>
        <p:spPr>
          <a:xfrm>
            <a:off x="8054138" y="5765796"/>
            <a:ext cx="81000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Custom Colors </a:t>
            </a:r>
            <a:endParaRPr lang="en-US" sz="1350" dirty="0"/>
          </a:p>
        </p:txBody>
      </p:sp>
      <p:sp>
        <p:nvSpPr>
          <p:cNvPr id="22" name="Tekstfelt 21">
            <a:extLst>
              <a:ext uri="{FF2B5EF4-FFF2-40B4-BE49-F238E27FC236}">
                <a16:creationId xmlns:a16="http://schemas.microsoft.com/office/drawing/2014/main" id="{4C3B03B3-6EB5-2E21-77F3-C8182D7A0C27}"/>
              </a:ext>
            </a:extLst>
          </p:cNvPr>
          <p:cNvSpPr txBox="1"/>
          <p:nvPr userDrawn="1"/>
        </p:nvSpPr>
        <p:spPr>
          <a:xfrm>
            <a:off x="8054138" y="6184105"/>
            <a:ext cx="81000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Standard Colors </a:t>
            </a:r>
            <a:endParaRPr lang="en-US" sz="1350" dirty="0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6EAE627-3F30-FE91-BB49-165C7283FD01}"/>
              </a:ext>
            </a:extLst>
          </p:cNvPr>
          <p:cNvSpPr/>
          <p:nvPr userDrawn="1"/>
        </p:nvSpPr>
        <p:spPr>
          <a:xfrm>
            <a:off x="7069287" y="4851666"/>
            <a:ext cx="903697" cy="163159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>
              <a:spcBef>
                <a:spcPts val="225"/>
              </a:spcBef>
            </a:pPr>
            <a:endParaRPr lang="en-US" sz="1350" noProof="0" dirty="0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91BE9FB-EA0E-359A-5AC4-3B5A84B71DB3}"/>
              </a:ext>
            </a:extLst>
          </p:cNvPr>
          <p:cNvSpPr/>
          <p:nvPr userDrawn="1"/>
        </p:nvSpPr>
        <p:spPr>
          <a:xfrm>
            <a:off x="7069287" y="5628670"/>
            <a:ext cx="903697" cy="333296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>
              <a:spcBef>
                <a:spcPts val="225"/>
              </a:spcBef>
            </a:pPr>
            <a:endParaRPr lang="en-US" sz="1350" noProof="0" dirty="0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C1FC33DF-5A21-05B9-0BDE-2CA33F5E40E4}"/>
              </a:ext>
            </a:extLst>
          </p:cNvPr>
          <p:cNvSpPr/>
          <p:nvPr userDrawn="1"/>
        </p:nvSpPr>
        <p:spPr>
          <a:xfrm>
            <a:off x="7430228" y="4851666"/>
            <a:ext cx="542756" cy="163159"/>
          </a:xfrm>
          <a:prstGeom prst="rect">
            <a:avLst/>
          </a:prstGeom>
          <a:noFill/>
          <a:ln w="190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>
              <a:spcBef>
                <a:spcPts val="225"/>
              </a:spcBef>
            </a:pPr>
            <a:endParaRPr lang="en-US" sz="1350" noProof="0" dirty="0"/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8157F517-43E3-D531-8794-C0B107C40A34}"/>
              </a:ext>
            </a:extLst>
          </p:cNvPr>
          <p:cNvGrpSpPr/>
          <p:nvPr userDrawn="1"/>
        </p:nvGrpSpPr>
        <p:grpSpPr>
          <a:xfrm>
            <a:off x="7074500" y="5071123"/>
            <a:ext cx="903697" cy="446873"/>
            <a:chOff x="6285057" y="2007141"/>
            <a:chExt cx="1676485" cy="680095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132C6F8C-EA68-AF61-CB59-D40FFDB0B21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285057" y="2007141"/>
              <a:ext cx="1676485" cy="680095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05526681-806A-1321-A319-D67F0D7FCCBB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6291690" y="2014958"/>
              <a:ext cx="1657397" cy="67227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3228DB3-F811-3286-646E-6B7A885626FD}"/>
              </a:ext>
            </a:extLst>
          </p:cNvPr>
          <p:cNvCxnSpPr>
            <a:cxnSpLocks/>
          </p:cNvCxnSpPr>
          <p:nvPr userDrawn="1"/>
        </p:nvCxnSpPr>
        <p:spPr>
          <a:xfrm>
            <a:off x="7066543" y="6206311"/>
            <a:ext cx="889512" cy="118376"/>
          </a:xfrm>
          <a:prstGeom prst="line">
            <a:avLst/>
          </a:prstGeom>
          <a:ln w="1905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A9625C8C-8064-DB2F-0CA1-0AE5E2C3ED64}"/>
              </a:ext>
            </a:extLst>
          </p:cNvPr>
          <p:cNvCxnSpPr>
            <a:cxnSpLocks/>
          </p:cNvCxnSpPr>
          <p:nvPr userDrawn="1"/>
        </p:nvCxnSpPr>
        <p:spPr>
          <a:xfrm flipV="1">
            <a:off x="7064586" y="6206315"/>
            <a:ext cx="891470" cy="118376"/>
          </a:xfrm>
          <a:prstGeom prst="line">
            <a:avLst/>
          </a:prstGeom>
          <a:ln w="1905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748306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 bwMode="inv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invGray">
          <a:xfrm>
            <a:off x="0" y="0"/>
            <a:ext cx="9144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4000" tIns="54000" rIns="54000" bIns="54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50"/>
              </a:spcBef>
              <a:buClr>
                <a:srgbClr val="003755"/>
              </a:buClr>
            </a:pPr>
            <a:endParaRPr lang="en-US" sz="1050" dirty="0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invGray">
          <a:xfrm>
            <a:off x="322660" y="656824"/>
            <a:ext cx="8517733" cy="21698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3300" b="0" noProof="0" dirty="0">
                <a:solidFill>
                  <a:schemeClr val="bg1"/>
                </a:solidFill>
              </a:rPr>
              <a:t>If you see any </a:t>
            </a:r>
            <a:r>
              <a:rPr lang="en-US" sz="3300" b="1" i="1" noProof="0" dirty="0">
                <a:solidFill>
                  <a:schemeClr val="bg1"/>
                </a:solidFill>
              </a:rPr>
              <a:t>layouts after this one</a:t>
            </a:r>
            <a:r>
              <a:rPr lang="en-US" sz="3300" b="0" i="1" noProof="0" dirty="0">
                <a:solidFill>
                  <a:schemeClr val="bg1"/>
                </a:solidFill>
              </a:rPr>
              <a:t>,</a:t>
            </a:r>
            <a:br>
              <a:rPr lang="en-US" sz="3300" b="0" i="0" noProof="0" dirty="0">
                <a:solidFill>
                  <a:schemeClr val="bg1"/>
                </a:solidFill>
              </a:rPr>
            </a:br>
            <a:r>
              <a:rPr lang="en-US" sz="33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33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33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100" b="0" noProof="0" dirty="0">
                <a:solidFill>
                  <a:schemeClr val="bg1"/>
                </a:solidFill>
              </a:rPr>
            </a:br>
            <a:br>
              <a:rPr lang="en-US" sz="2100" b="0" noProof="0" dirty="0">
                <a:solidFill>
                  <a:schemeClr val="bg1"/>
                </a:solidFill>
              </a:rPr>
            </a:br>
            <a:endParaRPr lang="en-US" sz="21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7803657" y="3391414"/>
            <a:ext cx="777591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450"/>
                </a:spcBef>
                <a:buClr>
                  <a:srgbClr val="003755"/>
                </a:buClr>
              </a:pPr>
              <a:endParaRPr lang="en-US" sz="1050" dirty="0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450"/>
                </a:spcBef>
                <a:buClr>
                  <a:srgbClr val="003755"/>
                </a:buClr>
              </a:pPr>
              <a:endParaRPr lang="en-US" sz="1050" dirty="0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invGray">
          <a:xfrm>
            <a:off x="322660" y="2780880"/>
            <a:ext cx="7614260" cy="141961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8625" b="1" i="1" noProof="0" dirty="0">
                <a:solidFill>
                  <a:schemeClr val="bg1"/>
                </a:solidFill>
              </a:rPr>
              <a:t>Do not use </a:t>
            </a:r>
            <a:endParaRPr lang="en-US" sz="15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invGray">
          <a:xfrm>
            <a:off x="322660" y="5186455"/>
            <a:ext cx="8517731" cy="68736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35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 sz="1350" dirty="0"/>
          </a:p>
          <a:p>
            <a:pPr marL="0" marR="0" indent="0" algn="ctr" fontAlgn="auto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35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350" b="0" noProof="0" dirty="0">
                <a:solidFill>
                  <a:schemeClr val="bg1"/>
                </a:solidFill>
              </a:rPr>
            </a:br>
            <a:endParaRPr lang="en-US" sz="135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3DD3F4FA-E629-4C39-B07B-6656E3523545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invGray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6995815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. Cover color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" name="Slide Number Placeholder 5" hidden="1">
            <a:extLst>
              <a:ext uri="{FF2B5EF4-FFF2-40B4-BE49-F238E27FC236}">
                <a16:creationId xmlns:a16="http://schemas.microsoft.com/office/drawing/2014/main" id="{2F7745B8-4770-1CB6-2C8B-FFC925A4406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>
              <a:solidFill>
                <a:schemeClr val="tx1"/>
              </a:solidFill>
            </a:endParaRPr>
          </a:p>
        </p:txBody>
      </p:sp>
      <p:grpSp>
        <p:nvGrpSpPr>
          <p:cNvPr id="109" name="Group 108">
            <a:extLst>
              <a:ext uri="{FF2B5EF4-FFF2-40B4-BE49-F238E27FC236}">
                <a16:creationId xmlns:a16="http://schemas.microsoft.com/office/drawing/2014/main" id="{EF1432D5-A3F9-115B-962B-388A466D0024}"/>
              </a:ext>
            </a:extLst>
          </p:cNvPr>
          <p:cNvGrpSpPr/>
          <p:nvPr userDrawn="1"/>
        </p:nvGrpSpPr>
        <p:grpSpPr>
          <a:xfrm>
            <a:off x="4918693" y="1"/>
            <a:ext cx="4225307" cy="6858001"/>
            <a:chOff x="6558257" y="0"/>
            <a:chExt cx="5633743" cy="6858001"/>
          </a:xfrm>
          <a:solidFill>
            <a:schemeClr val="tx2"/>
          </a:solidFill>
        </p:grpSpPr>
        <p:sp>
          <p:nvSpPr>
            <p:cNvPr id="7" name="Freeform 5">
              <a:extLst>
                <a:ext uri="{FF2B5EF4-FFF2-40B4-BE49-F238E27FC236}">
                  <a16:creationId xmlns:a16="http://schemas.microsoft.com/office/drawing/2014/main" id="{024A1C9F-3168-578B-8BDE-5FD7886BD37A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8824" y="2544977"/>
              <a:ext cx="1414713" cy="929669"/>
            </a:xfrm>
            <a:custGeom>
              <a:avLst/>
              <a:gdLst>
                <a:gd name="T0" fmla="*/ 156 w 401"/>
                <a:gd name="T1" fmla="*/ 225 h 264"/>
                <a:gd name="T2" fmla="*/ 0 w 401"/>
                <a:gd name="T3" fmla="*/ 34 h 264"/>
                <a:gd name="T4" fmla="*/ 246 w 401"/>
                <a:gd name="T5" fmla="*/ 39 h 264"/>
                <a:gd name="T6" fmla="*/ 401 w 401"/>
                <a:gd name="T7" fmla="*/ 229 h 264"/>
                <a:gd name="T8" fmla="*/ 156 w 401"/>
                <a:gd name="T9" fmla="*/ 225 h 2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01" h="264">
                  <a:moveTo>
                    <a:pt x="156" y="225"/>
                  </a:moveTo>
                  <a:cubicBezTo>
                    <a:pt x="75" y="186"/>
                    <a:pt x="21" y="115"/>
                    <a:pt x="0" y="34"/>
                  </a:cubicBezTo>
                  <a:cubicBezTo>
                    <a:pt x="76" y="1"/>
                    <a:pt x="166" y="0"/>
                    <a:pt x="246" y="39"/>
                  </a:cubicBezTo>
                  <a:cubicBezTo>
                    <a:pt x="327" y="78"/>
                    <a:pt x="381" y="149"/>
                    <a:pt x="401" y="229"/>
                  </a:cubicBezTo>
                  <a:cubicBezTo>
                    <a:pt x="326" y="263"/>
                    <a:pt x="236" y="264"/>
                    <a:pt x="156" y="225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" name="Freeform 6">
              <a:extLst>
                <a:ext uri="{FF2B5EF4-FFF2-40B4-BE49-F238E27FC236}">
                  <a16:creationId xmlns:a16="http://schemas.microsoft.com/office/drawing/2014/main" id="{328E937B-75AD-DF1D-7917-61D54E6247C5}"/>
                </a:ext>
              </a:extLst>
            </p:cNvPr>
            <p:cNvSpPr>
              <a:spLocks/>
            </p:cNvSpPr>
            <p:nvPr/>
          </p:nvSpPr>
          <p:spPr bwMode="auto">
            <a:xfrm>
              <a:off x="8472451" y="2068594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" name="Freeform 8">
              <a:extLst>
                <a:ext uri="{FF2B5EF4-FFF2-40B4-BE49-F238E27FC236}">
                  <a16:creationId xmlns:a16="http://schemas.microsoft.com/office/drawing/2014/main" id="{C85033FA-793E-AA01-0AB1-F5E7C6942C1A}"/>
                </a:ext>
              </a:extLst>
            </p:cNvPr>
            <p:cNvSpPr>
              <a:spLocks/>
            </p:cNvSpPr>
            <p:nvPr/>
          </p:nvSpPr>
          <p:spPr bwMode="auto">
            <a:xfrm>
              <a:off x="8172185" y="4496704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1" name="Freeform 9">
              <a:extLst>
                <a:ext uri="{FF2B5EF4-FFF2-40B4-BE49-F238E27FC236}">
                  <a16:creationId xmlns:a16="http://schemas.microsoft.com/office/drawing/2014/main" id="{969D7882-626D-04E8-A8B2-115119BF2A22}"/>
                </a:ext>
              </a:extLst>
            </p:cNvPr>
            <p:cNvSpPr>
              <a:spLocks/>
            </p:cNvSpPr>
            <p:nvPr/>
          </p:nvSpPr>
          <p:spPr bwMode="auto">
            <a:xfrm>
              <a:off x="7199209" y="3823993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2" name="Freeform 10">
              <a:extLst>
                <a:ext uri="{FF2B5EF4-FFF2-40B4-BE49-F238E27FC236}">
                  <a16:creationId xmlns:a16="http://schemas.microsoft.com/office/drawing/2014/main" id="{1CCD7702-4DED-B05D-E109-C679BDCF70CF}"/>
                </a:ext>
              </a:extLst>
            </p:cNvPr>
            <p:cNvSpPr>
              <a:spLocks/>
            </p:cNvSpPr>
            <p:nvPr/>
          </p:nvSpPr>
          <p:spPr bwMode="auto">
            <a:xfrm>
              <a:off x="8027827" y="5746848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" name="Freeform 11">
              <a:extLst>
                <a:ext uri="{FF2B5EF4-FFF2-40B4-BE49-F238E27FC236}">
                  <a16:creationId xmlns:a16="http://schemas.microsoft.com/office/drawing/2014/main" id="{11FDB7A3-B7E0-6D67-D723-C1A2324C96F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39665" y="5498552"/>
              <a:ext cx="444624" cy="609193"/>
            </a:xfrm>
            <a:custGeom>
              <a:avLst/>
              <a:gdLst>
                <a:gd name="T0" fmla="*/ 103 w 126"/>
                <a:gd name="T1" fmla="*/ 110 h 173"/>
                <a:gd name="T2" fmla="*/ 12 w 126"/>
                <a:gd name="T3" fmla="*/ 173 h 173"/>
                <a:gd name="T4" fmla="*/ 23 w 126"/>
                <a:gd name="T5" fmla="*/ 63 h 173"/>
                <a:gd name="T6" fmla="*/ 114 w 126"/>
                <a:gd name="T7" fmla="*/ 0 h 173"/>
                <a:gd name="T8" fmla="*/ 103 w 126"/>
                <a:gd name="T9" fmla="*/ 110 h 17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26" h="173">
                  <a:moveTo>
                    <a:pt x="103" y="110"/>
                  </a:moveTo>
                  <a:cubicBezTo>
                    <a:pt x="82" y="145"/>
                    <a:pt x="49" y="167"/>
                    <a:pt x="12" y="173"/>
                  </a:cubicBezTo>
                  <a:cubicBezTo>
                    <a:pt x="0" y="138"/>
                    <a:pt x="2" y="98"/>
                    <a:pt x="23" y="63"/>
                  </a:cubicBezTo>
                  <a:cubicBezTo>
                    <a:pt x="43" y="28"/>
                    <a:pt x="77" y="7"/>
                    <a:pt x="114" y="0"/>
                  </a:cubicBezTo>
                  <a:cubicBezTo>
                    <a:pt x="126" y="36"/>
                    <a:pt x="123" y="76"/>
                    <a:pt x="103" y="1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" name="Freeform 12">
              <a:extLst>
                <a:ext uri="{FF2B5EF4-FFF2-40B4-BE49-F238E27FC236}">
                  <a16:creationId xmlns:a16="http://schemas.microsoft.com/office/drawing/2014/main" id="{4756103D-ABD1-2B3D-AC33-EC23E5C5FFE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091114" y="4620852"/>
              <a:ext cx="762213" cy="1157755"/>
            </a:xfrm>
            <a:custGeom>
              <a:avLst/>
              <a:gdLst>
                <a:gd name="T0" fmla="*/ 185 w 217"/>
                <a:gd name="T1" fmla="*/ 202 h 328"/>
                <a:gd name="T2" fmla="*/ 27 w 217"/>
                <a:gd name="T3" fmla="*/ 328 h 328"/>
                <a:gd name="T4" fmla="*/ 33 w 217"/>
                <a:gd name="T5" fmla="*/ 127 h 328"/>
                <a:gd name="T6" fmla="*/ 190 w 217"/>
                <a:gd name="T7" fmla="*/ 0 h 328"/>
                <a:gd name="T8" fmla="*/ 185 w 217"/>
                <a:gd name="T9" fmla="*/ 202 h 3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7" h="328">
                  <a:moveTo>
                    <a:pt x="185" y="202"/>
                  </a:moveTo>
                  <a:cubicBezTo>
                    <a:pt x="152" y="268"/>
                    <a:pt x="93" y="312"/>
                    <a:pt x="27" y="328"/>
                  </a:cubicBezTo>
                  <a:cubicBezTo>
                    <a:pt x="0" y="266"/>
                    <a:pt x="0" y="192"/>
                    <a:pt x="33" y="127"/>
                  </a:cubicBezTo>
                  <a:cubicBezTo>
                    <a:pt x="65" y="61"/>
                    <a:pt x="124" y="17"/>
                    <a:pt x="190" y="0"/>
                  </a:cubicBezTo>
                  <a:cubicBezTo>
                    <a:pt x="217" y="63"/>
                    <a:pt x="217" y="136"/>
                    <a:pt x="185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5" name="Freeform 13">
              <a:extLst>
                <a:ext uri="{FF2B5EF4-FFF2-40B4-BE49-F238E27FC236}">
                  <a16:creationId xmlns:a16="http://schemas.microsoft.com/office/drawing/2014/main" id="{A4FA5AC8-FF67-D98B-99E5-ED07F35712D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71943" y="272774"/>
              <a:ext cx="845941" cy="984525"/>
            </a:xfrm>
            <a:custGeom>
              <a:avLst/>
              <a:gdLst>
                <a:gd name="T0" fmla="*/ 185 w 240"/>
                <a:gd name="T1" fmla="*/ 91 h 280"/>
                <a:gd name="T2" fmla="*/ 225 w 240"/>
                <a:gd name="T3" fmla="*/ 280 h 280"/>
                <a:gd name="T4" fmla="*/ 55 w 240"/>
                <a:gd name="T5" fmla="*/ 189 h 280"/>
                <a:gd name="T6" fmla="*/ 15 w 240"/>
                <a:gd name="T7" fmla="*/ 0 h 280"/>
                <a:gd name="T8" fmla="*/ 185 w 240"/>
                <a:gd name="T9" fmla="*/ 91 h 28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0" h="280">
                  <a:moveTo>
                    <a:pt x="185" y="91"/>
                  </a:moveTo>
                  <a:cubicBezTo>
                    <a:pt x="227" y="147"/>
                    <a:pt x="240" y="216"/>
                    <a:pt x="225" y="280"/>
                  </a:cubicBezTo>
                  <a:cubicBezTo>
                    <a:pt x="160" y="276"/>
                    <a:pt x="97" y="245"/>
                    <a:pt x="55" y="189"/>
                  </a:cubicBezTo>
                  <a:cubicBezTo>
                    <a:pt x="13" y="133"/>
                    <a:pt x="0" y="64"/>
                    <a:pt x="15" y="0"/>
                  </a:cubicBezTo>
                  <a:cubicBezTo>
                    <a:pt x="80" y="4"/>
                    <a:pt x="143" y="35"/>
                    <a:pt x="185" y="9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E97028E4-1F95-1D28-439C-967F723B86D4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69989" y="3795700"/>
              <a:ext cx="222011" cy="1279191"/>
            </a:xfrm>
            <a:custGeom>
              <a:avLst/>
              <a:gdLst>
                <a:gd name="connsiteX0" fmla="*/ 222011 w 222011"/>
                <a:gd name="connsiteY0" fmla="*/ 0 h 1279191"/>
                <a:gd name="connsiteX1" fmla="*/ 222011 w 222011"/>
                <a:gd name="connsiteY1" fmla="*/ 1279191 h 1279191"/>
                <a:gd name="connsiteX2" fmla="*/ 182381 w 222011"/>
                <a:gd name="connsiteY2" fmla="*/ 1227648 h 1279191"/>
                <a:gd name="connsiteX3" fmla="*/ 14142 w 222011"/>
                <a:gd name="connsiteY3" fmla="*/ 804179 h 1279191"/>
                <a:gd name="connsiteX4" fmla="*/ 185629 w 222011"/>
                <a:gd name="connsiteY4" fmla="*/ 47028 h 127919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2011" h="1279191">
                  <a:moveTo>
                    <a:pt x="222011" y="0"/>
                  </a:moveTo>
                  <a:lnTo>
                    <a:pt x="222011" y="1279191"/>
                  </a:lnTo>
                  <a:lnTo>
                    <a:pt x="182381" y="1227648"/>
                  </a:lnTo>
                  <a:cubicBezTo>
                    <a:pt x="97821" y="1104393"/>
                    <a:pt x="38805" y="960889"/>
                    <a:pt x="14142" y="804179"/>
                  </a:cubicBezTo>
                  <a:cubicBezTo>
                    <a:pt x="-32102" y="526855"/>
                    <a:pt x="37649" y="260316"/>
                    <a:pt x="185629" y="4702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7" name="Freeform 15">
              <a:extLst>
                <a:ext uri="{FF2B5EF4-FFF2-40B4-BE49-F238E27FC236}">
                  <a16:creationId xmlns:a16="http://schemas.microsoft.com/office/drawing/2014/main" id="{04B4D291-0C14-3E70-A9E2-A9A414F7DCD8}"/>
                </a:ext>
              </a:extLst>
            </p:cNvPr>
            <p:cNvSpPr>
              <a:spLocks/>
            </p:cNvSpPr>
            <p:nvPr/>
          </p:nvSpPr>
          <p:spPr bwMode="auto">
            <a:xfrm>
              <a:off x="6878733" y="1635518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8" name="Freeform 16">
              <a:extLst>
                <a:ext uri="{FF2B5EF4-FFF2-40B4-BE49-F238E27FC236}">
                  <a16:creationId xmlns:a16="http://schemas.microsoft.com/office/drawing/2014/main" id="{20AC9553-328E-B9EA-F074-A9482E9681C6}"/>
                </a:ext>
              </a:extLst>
            </p:cNvPr>
            <p:cNvSpPr>
              <a:spLocks/>
            </p:cNvSpPr>
            <p:nvPr/>
          </p:nvSpPr>
          <p:spPr bwMode="auto">
            <a:xfrm>
              <a:off x="9621545" y="5524536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9" name="Freeform 17">
              <a:extLst>
                <a:ext uri="{FF2B5EF4-FFF2-40B4-BE49-F238E27FC236}">
                  <a16:creationId xmlns:a16="http://schemas.microsoft.com/office/drawing/2014/main" id="{E9213E32-D0DB-9F57-2BDB-C34A607EDCA1}"/>
                </a:ext>
              </a:extLst>
            </p:cNvPr>
            <p:cNvSpPr>
              <a:spLocks/>
            </p:cNvSpPr>
            <p:nvPr/>
          </p:nvSpPr>
          <p:spPr bwMode="auto">
            <a:xfrm>
              <a:off x="8940173" y="3171493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8F3583FA-2F33-BF1D-EB69-85FAFEFCA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9043" y="0"/>
              <a:ext cx="487585" cy="676978"/>
            </a:xfrm>
            <a:custGeom>
              <a:avLst/>
              <a:gdLst>
                <a:gd name="connsiteX0" fmla="*/ 11666 w 487585"/>
                <a:gd name="connsiteY0" fmla="*/ 0 h 676978"/>
                <a:gd name="connsiteX1" fmla="*/ 434755 w 487585"/>
                <a:gd name="connsiteY1" fmla="*/ 0 h 676978"/>
                <a:gd name="connsiteX2" fmla="*/ 477547 w 487585"/>
                <a:gd name="connsiteY2" fmla="*/ 138465 h 676978"/>
                <a:gd name="connsiteX3" fmla="*/ 332868 w 487585"/>
                <a:gd name="connsiteY3" fmla="*/ 676978 h 676978"/>
                <a:gd name="connsiteX4" fmla="*/ 11750 w 487585"/>
                <a:gd name="connsiteY4" fmla="*/ 219418 h 676978"/>
                <a:gd name="connsiteX5" fmla="*/ 558 w 487585"/>
                <a:gd name="connsiteY5" fmla="*/ 70930 h 67697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487585" h="676978">
                  <a:moveTo>
                    <a:pt x="11666" y="0"/>
                  </a:moveTo>
                  <a:lnTo>
                    <a:pt x="434755" y="0"/>
                  </a:lnTo>
                  <a:lnTo>
                    <a:pt x="477547" y="138465"/>
                  </a:lnTo>
                  <a:cubicBezTo>
                    <a:pt x="512835" y="339087"/>
                    <a:pt x="452846" y="532670"/>
                    <a:pt x="332868" y="676978"/>
                  </a:cubicBezTo>
                  <a:cubicBezTo>
                    <a:pt x="170545" y="585466"/>
                    <a:pt x="47038" y="420040"/>
                    <a:pt x="11750" y="219418"/>
                  </a:cubicBezTo>
                  <a:cubicBezTo>
                    <a:pt x="2046" y="169262"/>
                    <a:pt x="-1483" y="119546"/>
                    <a:pt x="558" y="7093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1" name="Freeform 19">
              <a:extLst>
                <a:ext uri="{FF2B5EF4-FFF2-40B4-BE49-F238E27FC236}">
                  <a16:creationId xmlns:a16="http://schemas.microsoft.com/office/drawing/2014/main" id="{10700D61-F3FB-15D2-6EB2-CBB5088B3C0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686911" y="3607455"/>
              <a:ext cx="1189514" cy="1013397"/>
            </a:xfrm>
            <a:custGeom>
              <a:avLst/>
              <a:gdLst>
                <a:gd name="T0" fmla="*/ 254 w 337"/>
                <a:gd name="T1" fmla="*/ 221 h 288"/>
                <a:gd name="T2" fmla="*/ 0 w 337"/>
                <a:gd name="T3" fmla="*/ 258 h 288"/>
                <a:gd name="T4" fmla="*/ 126 w 337"/>
                <a:gd name="T5" fmla="*/ 50 h 288"/>
                <a:gd name="T6" fmla="*/ 310 w 337"/>
                <a:gd name="T7" fmla="*/ 16 h 288"/>
                <a:gd name="T8" fmla="*/ 331 w 337"/>
                <a:gd name="T9" fmla="*/ 41 h 288"/>
                <a:gd name="T10" fmla="*/ 254 w 337"/>
                <a:gd name="T11" fmla="*/ 221 h 2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7" h="288">
                  <a:moveTo>
                    <a:pt x="254" y="221"/>
                  </a:moveTo>
                  <a:cubicBezTo>
                    <a:pt x="197" y="267"/>
                    <a:pt x="105" y="288"/>
                    <a:pt x="0" y="258"/>
                  </a:cubicBezTo>
                  <a:cubicBezTo>
                    <a:pt x="64" y="173"/>
                    <a:pt x="59" y="104"/>
                    <a:pt x="126" y="50"/>
                  </a:cubicBezTo>
                  <a:cubicBezTo>
                    <a:pt x="181" y="6"/>
                    <a:pt x="246" y="0"/>
                    <a:pt x="310" y="16"/>
                  </a:cubicBezTo>
                  <a:cubicBezTo>
                    <a:pt x="321" y="19"/>
                    <a:pt x="330" y="30"/>
                    <a:pt x="331" y="41"/>
                  </a:cubicBezTo>
                  <a:cubicBezTo>
                    <a:pt x="337" y="100"/>
                    <a:pt x="311" y="176"/>
                    <a:pt x="254" y="22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F7DF9D59-6400-A709-F3BF-6AFF6089086C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74412" y="1300607"/>
              <a:ext cx="517588" cy="1683010"/>
            </a:xfrm>
            <a:custGeom>
              <a:avLst/>
              <a:gdLst>
                <a:gd name="connsiteX0" fmla="*/ 410053 w 517588"/>
                <a:gd name="connsiteY0" fmla="*/ 0 h 1683010"/>
                <a:gd name="connsiteX1" fmla="*/ 517588 w 517588"/>
                <a:gd name="connsiteY1" fmla="*/ 236418 h 1683010"/>
                <a:gd name="connsiteX2" fmla="*/ 517588 w 517588"/>
                <a:gd name="connsiteY2" fmla="*/ 1666571 h 1683010"/>
                <a:gd name="connsiteX3" fmla="*/ 488597 w 517588"/>
                <a:gd name="connsiteY3" fmla="*/ 1681308 h 1683010"/>
                <a:gd name="connsiteX4" fmla="*/ 434763 w 517588"/>
                <a:gd name="connsiteY4" fmla="*/ 1674258 h 1683010"/>
                <a:gd name="connsiteX5" fmla="*/ 7626 w 517588"/>
                <a:gd name="connsiteY5" fmla="*/ 1057426 h 1683010"/>
                <a:gd name="connsiteX6" fmla="*/ 410053 w 517588"/>
                <a:gd name="connsiteY6" fmla="*/ 0 h 16830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7588" h="1683010">
                  <a:moveTo>
                    <a:pt x="410053" y="0"/>
                  </a:moveTo>
                  <a:lnTo>
                    <a:pt x="517588" y="236418"/>
                  </a:lnTo>
                  <a:lnTo>
                    <a:pt x="517588" y="1666571"/>
                  </a:lnTo>
                  <a:lnTo>
                    <a:pt x="488597" y="1681308"/>
                  </a:lnTo>
                  <a:cubicBezTo>
                    <a:pt x="470946" y="1684833"/>
                    <a:pt x="452414" y="1683070"/>
                    <a:pt x="434763" y="1674258"/>
                  </a:cubicBezTo>
                  <a:cubicBezTo>
                    <a:pt x="215899" y="1586140"/>
                    <a:pt x="46456" y="1342932"/>
                    <a:pt x="7626" y="1057426"/>
                  </a:cubicBezTo>
                  <a:cubicBezTo>
                    <a:pt x="-34735" y="775446"/>
                    <a:pt x="99407" y="296080"/>
                    <a:pt x="410053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0452F7D4-5702-5939-561B-74075C1FA01D}"/>
                </a:ext>
              </a:extLst>
            </p:cNvPr>
            <p:cNvSpPr>
              <a:spLocks/>
            </p:cNvSpPr>
            <p:nvPr/>
          </p:nvSpPr>
          <p:spPr bwMode="auto">
            <a:xfrm>
              <a:off x="9755429" y="6304270"/>
              <a:ext cx="578941" cy="553729"/>
            </a:xfrm>
            <a:custGeom>
              <a:avLst/>
              <a:gdLst>
                <a:gd name="connsiteX0" fmla="*/ 512809 w 578941"/>
                <a:gd name="connsiteY0" fmla="*/ 449 h 553729"/>
                <a:gd name="connsiteX1" fmla="*/ 569069 w 578941"/>
                <a:gd name="connsiteY1" fmla="*/ 42849 h 553729"/>
                <a:gd name="connsiteX2" fmla="*/ 502260 w 578941"/>
                <a:gd name="connsiteY2" fmla="*/ 449184 h 553729"/>
                <a:gd name="connsiteX3" fmla="*/ 415528 w 578941"/>
                <a:gd name="connsiteY3" fmla="*/ 553729 h 553729"/>
                <a:gd name="connsiteX4" fmla="*/ 0 w 578941"/>
                <a:gd name="connsiteY4" fmla="*/ 553729 h 553729"/>
                <a:gd name="connsiteX5" fmla="*/ 20539 w 578941"/>
                <a:gd name="connsiteY5" fmla="*/ 441234 h 553729"/>
                <a:gd name="connsiteX6" fmla="*/ 140090 w 578941"/>
                <a:gd name="connsiteY6" fmla="*/ 180649 h 553729"/>
                <a:gd name="connsiteX7" fmla="*/ 512809 w 578941"/>
                <a:gd name="connsiteY7" fmla="*/ 449 h 5537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78941" h="553729">
                  <a:moveTo>
                    <a:pt x="512809" y="449"/>
                  </a:moveTo>
                  <a:cubicBezTo>
                    <a:pt x="540939" y="-3085"/>
                    <a:pt x="565552" y="14582"/>
                    <a:pt x="569069" y="42849"/>
                  </a:cubicBezTo>
                  <a:cubicBezTo>
                    <a:pt x="593682" y="208916"/>
                    <a:pt x="572585" y="332583"/>
                    <a:pt x="502260" y="449184"/>
                  </a:cubicBezTo>
                  <a:lnTo>
                    <a:pt x="415528" y="553729"/>
                  </a:lnTo>
                  <a:lnTo>
                    <a:pt x="0" y="553729"/>
                  </a:lnTo>
                  <a:lnTo>
                    <a:pt x="20539" y="441234"/>
                  </a:lnTo>
                  <a:cubicBezTo>
                    <a:pt x="41636" y="345833"/>
                    <a:pt x="73282" y="256616"/>
                    <a:pt x="140090" y="180649"/>
                  </a:cubicBezTo>
                  <a:cubicBezTo>
                    <a:pt x="245576" y="56982"/>
                    <a:pt x="368644" y="11049"/>
                    <a:pt x="5128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4" name="Freeform 22">
              <a:extLst>
                <a:ext uri="{FF2B5EF4-FFF2-40B4-BE49-F238E27FC236}">
                  <a16:creationId xmlns:a16="http://schemas.microsoft.com/office/drawing/2014/main" id="{74646E50-FBF3-0088-2175-0B4AA8AD7891}"/>
                </a:ext>
              </a:extLst>
            </p:cNvPr>
            <p:cNvSpPr>
              <a:spLocks/>
            </p:cNvSpPr>
            <p:nvPr/>
          </p:nvSpPr>
          <p:spPr bwMode="auto">
            <a:xfrm>
              <a:off x="7886355" y="3408241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4554A76D-DF4B-FB5D-43F3-1DCDEE53156F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06788" y="56196"/>
              <a:ext cx="285212" cy="1094774"/>
            </a:xfrm>
            <a:custGeom>
              <a:avLst/>
              <a:gdLst>
                <a:gd name="connsiteX0" fmla="*/ 285212 w 285212"/>
                <a:gd name="connsiteY0" fmla="*/ 0 h 1094774"/>
                <a:gd name="connsiteX1" fmla="*/ 285212 w 285212"/>
                <a:gd name="connsiteY1" fmla="*/ 1094774 h 1094774"/>
                <a:gd name="connsiteX2" fmla="*/ 262203 w 285212"/>
                <a:gd name="connsiteY2" fmla="*/ 1093008 h 1094774"/>
                <a:gd name="connsiteX3" fmla="*/ 1075 w 285212"/>
                <a:gd name="connsiteY3" fmla="*/ 631602 h 1094774"/>
                <a:gd name="connsiteX4" fmla="*/ 232319 w 285212"/>
                <a:gd name="connsiteY4" fmla="*/ 64476 h 109477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5212" h="1094774">
                  <a:moveTo>
                    <a:pt x="285212" y="0"/>
                  </a:moveTo>
                  <a:lnTo>
                    <a:pt x="285212" y="1094774"/>
                  </a:lnTo>
                  <a:lnTo>
                    <a:pt x="262203" y="1093008"/>
                  </a:lnTo>
                  <a:cubicBezTo>
                    <a:pt x="113995" y="1011998"/>
                    <a:pt x="-13040" y="839411"/>
                    <a:pt x="1075" y="631602"/>
                  </a:cubicBezTo>
                  <a:cubicBezTo>
                    <a:pt x="11661" y="483671"/>
                    <a:pt x="95690" y="250547"/>
                    <a:pt x="232319" y="6447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6" name="Freeform 24">
              <a:extLst>
                <a:ext uri="{FF2B5EF4-FFF2-40B4-BE49-F238E27FC236}">
                  <a16:creationId xmlns:a16="http://schemas.microsoft.com/office/drawing/2014/main" id="{E04086D5-8E23-8730-4AD4-71611668335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02663" y="633670"/>
              <a:ext cx="629403" cy="1022058"/>
            </a:xfrm>
            <a:custGeom>
              <a:avLst/>
              <a:gdLst>
                <a:gd name="T0" fmla="*/ 19 w 178"/>
                <a:gd name="T1" fmla="*/ 197 h 290"/>
                <a:gd name="T2" fmla="*/ 73 w 178"/>
                <a:gd name="T3" fmla="*/ 0 h 290"/>
                <a:gd name="T4" fmla="*/ 159 w 178"/>
                <a:gd name="T5" fmla="*/ 146 h 290"/>
                <a:gd name="T6" fmla="*/ 143 w 178"/>
                <a:gd name="T7" fmla="*/ 284 h 290"/>
                <a:gd name="T8" fmla="*/ 131 w 178"/>
                <a:gd name="T9" fmla="*/ 289 h 290"/>
                <a:gd name="T10" fmla="*/ 19 w 178"/>
                <a:gd name="T11" fmla="*/ 197 h 29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8" h="290">
                  <a:moveTo>
                    <a:pt x="19" y="197"/>
                  </a:moveTo>
                  <a:cubicBezTo>
                    <a:pt x="0" y="132"/>
                    <a:pt x="14" y="70"/>
                    <a:pt x="73" y="0"/>
                  </a:cubicBezTo>
                  <a:cubicBezTo>
                    <a:pt x="104" y="62"/>
                    <a:pt x="138" y="93"/>
                    <a:pt x="159" y="146"/>
                  </a:cubicBezTo>
                  <a:cubicBezTo>
                    <a:pt x="178" y="194"/>
                    <a:pt x="167" y="245"/>
                    <a:pt x="143" y="284"/>
                  </a:cubicBezTo>
                  <a:cubicBezTo>
                    <a:pt x="141" y="288"/>
                    <a:pt x="136" y="290"/>
                    <a:pt x="131" y="289"/>
                  </a:cubicBezTo>
                  <a:cubicBezTo>
                    <a:pt x="74" y="275"/>
                    <a:pt x="29" y="232"/>
                    <a:pt x="19" y="19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7" name="Freeform 25">
              <a:extLst>
                <a:ext uri="{FF2B5EF4-FFF2-40B4-BE49-F238E27FC236}">
                  <a16:creationId xmlns:a16="http://schemas.microsoft.com/office/drawing/2014/main" id="{EEF01020-57F2-5D4D-8807-7E2676641E52}"/>
                </a:ext>
              </a:extLst>
            </p:cNvPr>
            <p:cNvSpPr>
              <a:spLocks/>
            </p:cNvSpPr>
            <p:nvPr/>
          </p:nvSpPr>
          <p:spPr bwMode="auto">
            <a:xfrm>
              <a:off x="9070095" y="1687487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8" name="Freeform 26">
              <a:extLst>
                <a:ext uri="{FF2B5EF4-FFF2-40B4-BE49-F238E27FC236}">
                  <a16:creationId xmlns:a16="http://schemas.microsoft.com/office/drawing/2014/main" id="{DC75AC61-26F9-0C1F-AB96-2139DE6220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460902" y="977244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9" name="Freeform 27">
              <a:extLst>
                <a:ext uri="{FF2B5EF4-FFF2-40B4-BE49-F238E27FC236}">
                  <a16:creationId xmlns:a16="http://schemas.microsoft.com/office/drawing/2014/main" id="{C4B91423-2AA4-D359-33FB-CFA2174E5E0D}"/>
                </a:ext>
              </a:extLst>
            </p:cNvPr>
            <p:cNvSpPr>
              <a:spLocks/>
            </p:cNvSpPr>
            <p:nvPr/>
          </p:nvSpPr>
          <p:spPr bwMode="auto">
            <a:xfrm>
              <a:off x="9621545" y="1182233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11098F3A-017A-24C7-434C-B87142EBE9A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85653" y="0"/>
              <a:ext cx="440759" cy="530420"/>
            </a:xfrm>
            <a:custGeom>
              <a:avLst/>
              <a:gdLst>
                <a:gd name="connsiteX0" fmla="*/ 46019 w 440759"/>
                <a:gd name="connsiteY0" fmla="*/ 0 h 530420"/>
                <a:gd name="connsiteX1" fmla="*/ 389756 w 440759"/>
                <a:gd name="connsiteY1" fmla="*/ 0 h 530420"/>
                <a:gd name="connsiteX2" fmla="*/ 426016 w 440759"/>
                <a:gd name="connsiteY2" fmla="*/ 88693 h 530420"/>
                <a:gd name="connsiteX3" fmla="*/ 440406 w 440759"/>
                <a:gd name="connsiteY3" fmla="*/ 230109 h 530420"/>
                <a:gd name="connsiteX4" fmla="*/ 292198 w 440759"/>
                <a:gd name="connsiteY4" fmla="*/ 518549 h 530420"/>
                <a:gd name="connsiteX5" fmla="*/ 246325 w 440759"/>
                <a:gd name="connsiteY5" fmla="*/ 529101 h 530420"/>
                <a:gd name="connsiteX6" fmla="*/ 6369 w 440759"/>
                <a:gd name="connsiteY6" fmla="*/ 282873 h 530420"/>
                <a:gd name="connsiteX7" fmla="*/ 43421 w 440759"/>
                <a:gd name="connsiteY7" fmla="*/ 6305 h 5304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440759" h="530420">
                  <a:moveTo>
                    <a:pt x="46019" y="0"/>
                  </a:moveTo>
                  <a:lnTo>
                    <a:pt x="389756" y="0"/>
                  </a:lnTo>
                  <a:lnTo>
                    <a:pt x="426016" y="88693"/>
                  </a:lnTo>
                  <a:cubicBezTo>
                    <a:pt x="437319" y="133816"/>
                    <a:pt x="442171" y="180864"/>
                    <a:pt x="440406" y="230109"/>
                  </a:cubicBezTo>
                  <a:cubicBezTo>
                    <a:pt x="433349" y="353224"/>
                    <a:pt x="359245" y="451715"/>
                    <a:pt x="292198" y="518549"/>
                  </a:cubicBezTo>
                  <a:cubicBezTo>
                    <a:pt x="281612" y="529101"/>
                    <a:pt x="263968" y="532619"/>
                    <a:pt x="246325" y="529101"/>
                  </a:cubicBezTo>
                  <a:cubicBezTo>
                    <a:pt x="119289" y="490408"/>
                    <a:pt x="27541" y="398952"/>
                    <a:pt x="6369" y="282873"/>
                  </a:cubicBezTo>
                  <a:cubicBezTo>
                    <a:pt x="-11275" y="186140"/>
                    <a:pt x="9898" y="96442"/>
                    <a:pt x="43421" y="630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31" name="Freeform 29">
              <a:extLst>
                <a:ext uri="{FF2B5EF4-FFF2-40B4-BE49-F238E27FC236}">
                  <a16:creationId xmlns:a16="http://schemas.microsoft.com/office/drawing/2014/main" id="{DA2C6237-47EE-C21F-2896-F3871EA83AFC}"/>
                </a:ext>
              </a:extLst>
            </p:cNvPr>
            <p:cNvSpPr>
              <a:spLocks/>
            </p:cNvSpPr>
            <p:nvPr/>
          </p:nvSpPr>
          <p:spPr bwMode="auto">
            <a:xfrm>
              <a:off x="8149088" y="70672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D8019C3F-0941-AC2A-C521-3F17F530F76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40609" y="6174150"/>
              <a:ext cx="632536" cy="683850"/>
            </a:xfrm>
            <a:custGeom>
              <a:avLst/>
              <a:gdLst>
                <a:gd name="connsiteX0" fmla="*/ 540680 w 632536"/>
                <a:gd name="connsiteY0" fmla="*/ 0 h 683850"/>
                <a:gd name="connsiteX1" fmla="*/ 586595 w 632536"/>
                <a:gd name="connsiteY1" fmla="*/ 31781 h 683850"/>
                <a:gd name="connsiteX2" fmla="*/ 551276 w 632536"/>
                <a:gd name="connsiteY2" fmla="*/ 572046 h 683850"/>
                <a:gd name="connsiteX3" fmla="*/ 459438 w 632536"/>
                <a:gd name="connsiteY3" fmla="*/ 683850 h 683850"/>
                <a:gd name="connsiteX4" fmla="*/ 0 w 632536"/>
                <a:gd name="connsiteY4" fmla="*/ 683850 h 683850"/>
                <a:gd name="connsiteX5" fmla="*/ 10898 w 632536"/>
                <a:gd name="connsiteY5" fmla="*/ 616627 h 683850"/>
                <a:gd name="connsiteX6" fmla="*/ 123919 w 632536"/>
                <a:gd name="connsiteY6" fmla="*/ 275430 h 683850"/>
                <a:gd name="connsiteX7" fmla="*/ 540680 w 632536"/>
                <a:gd name="connsiteY7" fmla="*/ 0 h 6838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632536" h="683850">
                  <a:moveTo>
                    <a:pt x="540680" y="0"/>
                  </a:moveTo>
                  <a:cubicBezTo>
                    <a:pt x="561872" y="0"/>
                    <a:pt x="579531" y="10594"/>
                    <a:pt x="586595" y="31781"/>
                  </a:cubicBezTo>
                  <a:cubicBezTo>
                    <a:pt x="639573" y="183620"/>
                    <a:pt x="667828" y="384895"/>
                    <a:pt x="551276" y="572046"/>
                  </a:cubicBezTo>
                  <a:lnTo>
                    <a:pt x="459438" y="683850"/>
                  </a:lnTo>
                  <a:lnTo>
                    <a:pt x="0" y="683850"/>
                  </a:lnTo>
                  <a:lnTo>
                    <a:pt x="10898" y="616627"/>
                  </a:lnTo>
                  <a:cubicBezTo>
                    <a:pt x="29441" y="504955"/>
                    <a:pt x="55047" y="391958"/>
                    <a:pt x="123919" y="275430"/>
                  </a:cubicBezTo>
                  <a:cubicBezTo>
                    <a:pt x="201620" y="141246"/>
                    <a:pt x="381746" y="3531"/>
                    <a:pt x="540680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75BCDA8E-0903-DF65-3E80-740D60E51F4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222231" y="5928478"/>
              <a:ext cx="494605" cy="929522"/>
            </a:xfrm>
            <a:custGeom>
              <a:avLst/>
              <a:gdLst>
                <a:gd name="connsiteX0" fmla="*/ 339565 w 494605"/>
                <a:gd name="connsiteY0" fmla="*/ 898 h 929522"/>
                <a:gd name="connsiteX1" fmla="*/ 388684 w 494605"/>
                <a:gd name="connsiteY1" fmla="*/ 18509 h 929522"/>
                <a:gd name="connsiteX2" fmla="*/ 476395 w 494605"/>
                <a:gd name="connsiteY2" fmla="*/ 532772 h 929522"/>
                <a:gd name="connsiteX3" fmla="*/ 294339 w 494605"/>
                <a:gd name="connsiteY3" fmla="*/ 908727 h 929522"/>
                <a:gd name="connsiteX4" fmla="*/ 277903 w 494605"/>
                <a:gd name="connsiteY4" fmla="*/ 929522 h 929522"/>
                <a:gd name="connsiteX5" fmla="*/ 100284 w 494605"/>
                <a:gd name="connsiteY5" fmla="*/ 929522 h 929522"/>
                <a:gd name="connsiteX6" fmla="*/ 80487 w 494605"/>
                <a:gd name="connsiteY6" fmla="*/ 890400 h 929522"/>
                <a:gd name="connsiteX7" fmla="*/ 20295 w 494605"/>
                <a:gd name="connsiteY7" fmla="*/ 342565 h 929522"/>
                <a:gd name="connsiteX8" fmla="*/ 339565 w 494605"/>
                <a:gd name="connsiteY8" fmla="*/ 898 h 9295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94605" h="929522">
                  <a:moveTo>
                    <a:pt x="339565" y="898"/>
                  </a:moveTo>
                  <a:cubicBezTo>
                    <a:pt x="357108" y="-2625"/>
                    <a:pt x="374650" y="4420"/>
                    <a:pt x="388684" y="18509"/>
                  </a:cubicBezTo>
                  <a:cubicBezTo>
                    <a:pt x="486921" y="138269"/>
                    <a:pt x="518497" y="349610"/>
                    <a:pt x="476395" y="532772"/>
                  </a:cubicBezTo>
                  <a:cubicBezTo>
                    <a:pt x="444819" y="667502"/>
                    <a:pt x="395481" y="774493"/>
                    <a:pt x="294339" y="908727"/>
                  </a:cubicBezTo>
                  <a:lnTo>
                    <a:pt x="277903" y="929522"/>
                  </a:lnTo>
                  <a:lnTo>
                    <a:pt x="100284" y="929522"/>
                  </a:lnTo>
                  <a:lnTo>
                    <a:pt x="80487" y="890400"/>
                  </a:lnTo>
                  <a:cubicBezTo>
                    <a:pt x="3191" y="715714"/>
                    <a:pt x="-21806" y="514280"/>
                    <a:pt x="20295" y="342565"/>
                  </a:cubicBezTo>
                  <a:cubicBezTo>
                    <a:pt x="62397" y="169970"/>
                    <a:pt x="192210" y="36121"/>
                    <a:pt x="339565" y="89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0" name="Freeform 36">
              <a:extLst>
                <a:ext uri="{FF2B5EF4-FFF2-40B4-BE49-F238E27FC236}">
                  <a16:creationId xmlns:a16="http://schemas.microsoft.com/office/drawing/2014/main" id="{2864DB57-8E53-0EF6-65A4-4D1A51A9D9D6}"/>
                </a:ext>
              </a:extLst>
            </p:cNvPr>
            <p:cNvSpPr>
              <a:spLocks/>
            </p:cNvSpPr>
            <p:nvPr/>
          </p:nvSpPr>
          <p:spPr bwMode="auto">
            <a:xfrm>
              <a:off x="7453280" y="4115597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1" name="Freeform 37">
              <a:extLst>
                <a:ext uri="{FF2B5EF4-FFF2-40B4-BE49-F238E27FC236}">
                  <a16:creationId xmlns:a16="http://schemas.microsoft.com/office/drawing/2014/main" id="{A60E9F92-453F-8D55-39C2-4F5FD06A77B3}"/>
                </a:ext>
              </a:extLst>
            </p:cNvPr>
            <p:cNvSpPr>
              <a:spLocks/>
            </p:cNvSpPr>
            <p:nvPr/>
          </p:nvSpPr>
          <p:spPr bwMode="auto">
            <a:xfrm>
              <a:off x="9393458" y="5042379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2" name="Freeform 38">
              <a:extLst>
                <a:ext uri="{FF2B5EF4-FFF2-40B4-BE49-F238E27FC236}">
                  <a16:creationId xmlns:a16="http://schemas.microsoft.com/office/drawing/2014/main" id="{51E9B685-285E-CA9E-CB22-C52A8E731CDD}"/>
                </a:ext>
              </a:extLst>
            </p:cNvPr>
            <p:cNvSpPr>
              <a:spLocks/>
            </p:cNvSpPr>
            <p:nvPr/>
          </p:nvSpPr>
          <p:spPr bwMode="auto">
            <a:xfrm>
              <a:off x="7739110" y="1456514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59216B6D-19C2-3996-68DD-25E14281D1C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198315" y="0"/>
              <a:ext cx="380203" cy="79581"/>
            </a:xfrm>
            <a:custGeom>
              <a:avLst/>
              <a:gdLst>
                <a:gd name="connsiteX0" fmla="*/ 0 w 380203"/>
                <a:gd name="connsiteY0" fmla="*/ 0 h 79581"/>
                <a:gd name="connsiteX1" fmla="*/ 380203 w 380203"/>
                <a:gd name="connsiteY1" fmla="*/ 0 h 79581"/>
                <a:gd name="connsiteX2" fmla="*/ 350066 w 380203"/>
                <a:gd name="connsiteY2" fmla="*/ 57590 h 79581"/>
                <a:gd name="connsiteX3" fmla="*/ 293630 w 380203"/>
                <a:gd name="connsiteY3" fmla="*/ 78702 h 79581"/>
                <a:gd name="connsiteX4" fmla="*/ 7923 w 380203"/>
                <a:gd name="connsiteY4" fmla="*/ 4369 h 7958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80203" h="79581">
                  <a:moveTo>
                    <a:pt x="0" y="0"/>
                  </a:moveTo>
                  <a:lnTo>
                    <a:pt x="380203" y="0"/>
                  </a:lnTo>
                  <a:lnTo>
                    <a:pt x="350066" y="57590"/>
                  </a:lnTo>
                  <a:cubicBezTo>
                    <a:pt x="335957" y="75184"/>
                    <a:pt x="314793" y="82221"/>
                    <a:pt x="293630" y="78702"/>
                  </a:cubicBezTo>
                  <a:cubicBezTo>
                    <a:pt x="189576" y="59349"/>
                    <a:pt x="91695" y="42635"/>
                    <a:pt x="7923" y="436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A35B4067-8BDC-DFCC-3C98-F8261D6530C6}"/>
                </a:ext>
              </a:extLst>
            </p:cNvPr>
            <p:cNvSpPr>
              <a:spLocks/>
            </p:cNvSpPr>
            <p:nvPr/>
          </p:nvSpPr>
          <p:spPr bwMode="auto">
            <a:xfrm>
              <a:off x="9140703" y="6476385"/>
              <a:ext cx="477647" cy="381615"/>
            </a:xfrm>
            <a:custGeom>
              <a:avLst/>
              <a:gdLst>
                <a:gd name="connsiteX0" fmla="*/ 361307 w 477647"/>
                <a:gd name="connsiteY0" fmla="*/ 606 h 381615"/>
                <a:gd name="connsiteX1" fmla="*/ 440688 w 477647"/>
                <a:gd name="connsiteY1" fmla="*/ 2803 h 381615"/>
                <a:gd name="connsiteX2" fmla="*/ 472485 w 477647"/>
                <a:gd name="connsiteY2" fmla="*/ 34444 h 381615"/>
                <a:gd name="connsiteX3" fmla="*/ 387693 w 477647"/>
                <a:gd name="connsiteY3" fmla="*/ 326245 h 381615"/>
                <a:gd name="connsiteX4" fmla="*/ 303279 w 477647"/>
                <a:gd name="connsiteY4" fmla="*/ 381615 h 381615"/>
                <a:gd name="connsiteX5" fmla="*/ 0 w 477647"/>
                <a:gd name="connsiteY5" fmla="*/ 381615 h 381615"/>
                <a:gd name="connsiteX6" fmla="*/ 1108 w 477647"/>
                <a:gd name="connsiteY6" fmla="*/ 378815 h 381615"/>
                <a:gd name="connsiteX7" fmla="*/ 161582 w 477647"/>
                <a:gd name="connsiteY7" fmla="*/ 83664 h 381615"/>
                <a:gd name="connsiteX8" fmla="*/ 361307 w 477647"/>
                <a:gd name="connsiteY8" fmla="*/ 606 h 3816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77647" h="381615">
                  <a:moveTo>
                    <a:pt x="361307" y="606"/>
                  </a:moveTo>
                  <a:cubicBezTo>
                    <a:pt x="386810" y="-712"/>
                    <a:pt x="413308" y="167"/>
                    <a:pt x="440688" y="2803"/>
                  </a:cubicBezTo>
                  <a:cubicBezTo>
                    <a:pt x="458353" y="2803"/>
                    <a:pt x="472485" y="16866"/>
                    <a:pt x="472485" y="34444"/>
                  </a:cubicBezTo>
                  <a:cubicBezTo>
                    <a:pt x="483084" y="129367"/>
                    <a:pt x="486617" y="241869"/>
                    <a:pt x="387693" y="326245"/>
                  </a:cubicBezTo>
                  <a:lnTo>
                    <a:pt x="303279" y="381615"/>
                  </a:lnTo>
                  <a:lnTo>
                    <a:pt x="0" y="381615"/>
                  </a:lnTo>
                  <a:lnTo>
                    <a:pt x="1108" y="378815"/>
                  </a:lnTo>
                  <a:cubicBezTo>
                    <a:pt x="49631" y="255712"/>
                    <a:pt x="92689" y="154856"/>
                    <a:pt x="161582" y="83664"/>
                  </a:cubicBezTo>
                  <a:cubicBezTo>
                    <a:pt x="217227" y="28292"/>
                    <a:pt x="284795" y="4561"/>
                    <a:pt x="361307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0" name="Freeform 44">
              <a:extLst>
                <a:ext uri="{FF2B5EF4-FFF2-40B4-BE49-F238E27FC236}">
                  <a16:creationId xmlns:a16="http://schemas.microsoft.com/office/drawing/2014/main" id="{FE054E00-5781-115B-1CF1-09A970AB0C0C}"/>
                </a:ext>
              </a:extLst>
            </p:cNvPr>
            <p:cNvSpPr>
              <a:spLocks/>
            </p:cNvSpPr>
            <p:nvPr/>
          </p:nvSpPr>
          <p:spPr bwMode="auto">
            <a:xfrm>
              <a:off x="7057737" y="2683561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1" name="Freeform 45">
              <a:extLst>
                <a:ext uri="{FF2B5EF4-FFF2-40B4-BE49-F238E27FC236}">
                  <a16:creationId xmlns:a16="http://schemas.microsoft.com/office/drawing/2014/main" id="{BF8C8EB0-8786-911A-69BD-2B2934A86B83}"/>
                </a:ext>
              </a:extLst>
            </p:cNvPr>
            <p:cNvSpPr>
              <a:spLocks/>
            </p:cNvSpPr>
            <p:nvPr/>
          </p:nvSpPr>
          <p:spPr bwMode="auto">
            <a:xfrm>
              <a:off x="7395536" y="4955764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2" name="Freeform 46">
              <a:extLst>
                <a:ext uri="{FF2B5EF4-FFF2-40B4-BE49-F238E27FC236}">
                  <a16:creationId xmlns:a16="http://schemas.microsoft.com/office/drawing/2014/main" id="{7CA4FCD4-19E9-F404-DB0E-E71340713BBD}"/>
                </a:ext>
              </a:extLst>
            </p:cNvPr>
            <p:cNvSpPr>
              <a:spLocks/>
            </p:cNvSpPr>
            <p:nvPr/>
          </p:nvSpPr>
          <p:spPr bwMode="auto">
            <a:xfrm>
              <a:off x="7219419" y="2062820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3" name="Freeform 47">
              <a:extLst>
                <a:ext uri="{FF2B5EF4-FFF2-40B4-BE49-F238E27FC236}">
                  <a16:creationId xmlns:a16="http://schemas.microsoft.com/office/drawing/2014/main" id="{8D4AE83F-5F78-CCCC-565B-4BDEF4BEA9E8}"/>
                </a:ext>
              </a:extLst>
            </p:cNvPr>
            <p:cNvSpPr>
              <a:spLocks/>
            </p:cNvSpPr>
            <p:nvPr/>
          </p:nvSpPr>
          <p:spPr bwMode="auto">
            <a:xfrm>
              <a:off x="9191356" y="258338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5" name="Freeform 49">
              <a:extLst>
                <a:ext uri="{FF2B5EF4-FFF2-40B4-BE49-F238E27FC236}">
                  <a16:creationId xmlns:a16="http://schemas.microsoft.com/office/drawing/2014/main" id="{835A1DD0-DB46-3945-82CF-5105EF8C27DB}"/>
                </a:ext>
              </a:extLst>
            </p:cNvPr>
            <p:cNvSpPr>
              <a:spLocks/>
            </p:cNvSpPr>
            <p:nvPr/>
          </p:nvSpPr>
          <p:spPr bwMode="auto">
            <a:xfrm>
              <a:off x="7796853" y="2596946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A31EE870-5954-8DA9-57FB-A144BB767E45}"/>
                </a:ext>
              </a:extLst>
            </p:cNvPr>
            <p:cNvSpPr>
              <a:spLocks/>
            </p:cNvSpPr>
            <p:nvPr/>
          </p:nvSpPr>
          <p:spPr bwMode="auto">
            <a:xfrm>
              <a:off x="9411698" y="0"/>
              <a:ext cx="490556" cy="255065"/>
            </a:xfrm>
            <a:custGeom>
              <a:avLst/>
              <a:gdLst>
                <a:gd name="connsiteX0" fmla="*/ 0 w 490556"/>
                <a:gd name="connsiteY0" fmla="*/ 0 h 255065"/>
                <a:gd name="connsiteX1" fmla="*/ 462198 w 490556"/>
                <a:gd name="connsiteY1" fmla="*/ 0 h 255065"/>
                <a:gd name="connsiteX2" fmla="*/ 482076 w 490556"/>
                <a:gd name="connsiteY2" fmla="*/ 44519 h 255065"/>
                <a:gd name="connsiteX3" fmla="*/ 483837 w 490556"/>
                <a:gd name="connsiteY3" fmla="*/ 219414 h 255065"/>
                <a:gd name="connsiteX4" fmla="*/ 452133 w 490556"/>
                <a:gd name="connsiteY4" fmla="*/ 251053 h 255065"/>
                <a:gd name="connsiteX5" fmla="*/ 25885 w 490556"/>
                <a:gd name="connsiteY5" fmla="*/ 54187 h 255065"/>
                <a:gd name="connsiteX6" fmla="*/ 1054 w 490556"/>
                <a:gd name="connsiteY6" fmla="*/ 3116 h 2550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0556" h="255065">
                  <a:moveTo>
                    <a:pt x="0" y="0"/>
                  </a:moveTo>
                  <a:lnTo>
                    <a:pt x="462198" y="0"/>
                  </a:lnTo>
                  <a:lnTo>
                    <a:pt x="482076" y="44519"/>
                  </a:lnTo>
                  <a:cubicBezTo>
                    <a:pt x="493525" y="102524"/>
                    <a:pt x="492644" y="161408"/>
                    <a:pt x="483837" y="219414"/>
                  </a:cubicBezTo>
                  <a:cubicBezTo>
                    <a:pt x="483837" y="236991"/>
                    <a:pt x="469747" y="247537"/>
                    <a:pt x="452133" y="251053"/>
                  </a:cubicBezTo>
                  <a:cubicBezTo>
                    <a:pt x="286566" y="275661"/>
                    <a:pt x="103385" y="184259"/>
                    <a:pt x="25885" y="54187"/>
                  </a:cubicBezTo>
                  <a:cubicBezTo>
                    <a:pt x="16638" y="38367"/>
                    <a:pt x="8382" y="21229"/>
                    <a:pt x="1054" y="311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FC8AB1CF-D8B6-D0B3-0856-B8A0F688F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8498012" y="6604048"/>
              <a:ext cx="484591" cy="253953"/>
            </a:xfrm>
            <a:custGeom>
              <a:avLst/>
              <a:gdLst>
                <a:gd name="connsiteX0" fmla="*/ 301011 w 484591"/>
                <a:gd name="connsiteY0" fmla="*/ 1718 h 253953"/>
                <a:gd name="connsiteX1" fmla="*/ 456276 w 484591"/>
                <a:gd name="connsiteY1" fmla="*/ 21106 h 253953"/>
                <a:gd name="connsiteX2" fmla="*/ 480978 w 484591"/>
                <a:gd name="connsiteY2" fmla="*/ 52831 h 253953"/>
                <a:gd name="connsiteX3" fmla="*/ 476898 w 484591"/>
                <a:gd name="connsiteY3" fmla="*/ 176427 h 253953"/>
                <a:gd name="connsiteX4" fmla="*/ 447187 w 484591"/>
                <a:gd name="connsiteY4" fmla="*/ 253953 h 253953"/>
                <a:gd name="connsiteX5" fmla="*/ 0 w 484591"/>
                <a:gd name="connsiteY5" fmla="*/ 253953 h 253953"/>
                <a:gd name="connsiteX6" fmla="*/ 27208 w 484591"/>
                <a:gd name="connsiteY6" fmla="*/ 201722 h 253953"/>
                <a:gd name="connsiteX7" fmla="*/ 145745 w 484591"/>
                <a:gd name="connsiteY7" fmla="*/ 56356 h 253953"/>
                <a:gd name="connsiteX8" fmla="*/ 301011 w 484591"/>
                <a:gd name="connsiteY8" fmla="*/ 1718 h 2539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84591" h="253953">
                  <a:moveTo>
                    <a:pt x="301011" y="1718"/>
                  </a:moveTo>
                  <a:cubicBezTo>
                    <a:pt x="352178" y="-3570"/>
                    <a:pt x="403345" y="3481"/>
                    <a:pt x="456276" y="21106"/>
                  </a:cubicBezTo>
                  <a:cubicBezTo>
                    <a:pt x="470391" y="28156"/>
                    <a:pt x="477449" y="38731"/>
                    <a:pt x="480978" y="52831"/>
                  </a:cubicBezTo>
                  <a:cubicBezTo>
                    <a:pt x="487153" y="96013"/>
                    <a:pt x="485168" y="137432"/>
                    <a:pt x="476898" y="176427"/>
                  </a:cubicBezTo>
                  <a:lnTo>
                    <a:pt x="447187" y="253953"/>
                  </a:lnTo>
                  <a:lnTo>
                    <a:pt x="0" y="253953"/>
                  </a:lnTo>
                  <a:lnTo>
                    <a:pt x="27208" y="201722"/>
                  </a:lnTo>
                  <a:cubicBezTo>
                    <a:pt x="63867" y="136165"/>
                    <a:pt x="102077" y="84116"/>
                    <a:pt x="145745" y="56356"/>
                  </a:cubicBezTo>
                  <a:cubicBezTo>
                    <a:pt x="198677" y="24631"/>
                    <a:pt x="249844" y="7005"/>
                    <a:pt x="301011" y="171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8C7E4295-C5DF-7B8C-F623-092CCAACB838}"/>
                </a:ext>
              </a:extLst>
            </p:cNvPr>
            <p:cNvSpPr>
              <a:spLocks/>
            </p:cNvSpPr>
            <p:nvPr/>
          </p:nvSpPr>
          <p:spPr bwMode="auto">
            <a:xfrm>
              <a:off x="7278285" y="0"/>
              <a:ext cx="763729" cy="645716"/>
            </a:xfrm>
            <a:custGeom>
              <a:avLst/>
              <a:gdLst>
                <a:gd name="connsiteX0" fmla="*/ 0 w 763729"/>
                <a:gd name="connsiteY0" fmla="*/ 0 h 645716"/>
                <a:gd name="connsiteX1" fmla="*/ 185294 w 763729"/>
                <a:gd name="connsiteY1" fmla="*/ 0 h 645716"/>
                <a:gd name="connsiteX2" fmla="*/ 355055 w 763729"/>
                <a:gd name="connsiteY2" fmla="*/ 58725 h 645716"/>
                <a:gd name="connsiteX3" fmla="*/ 656721 w 763729"/>
                <a:gd name="connsiteY3" fmla="*/ 212533 h 645716"/>
                <a:gd name="connsiteX4" fmla="*/ 744799 w 763729"/>
                <a:gd name="connsiteY4" fmla="*/ 600357 h 645716"/>
                <a:gd name="connsiteX5" fmla="*/ 698998 w 763729"/>
                <a:gd name="connsiteY5" fmla="*/ 639140 h 645716"/>
                <a:gd name="connsiteX6" fmla="*/ 297364 w 763729"/>
                <a:gd name="connsiteY6" fmla="*/ 550998 h 645716"/>
                <a:gd name="connsiteX7" fmla="*/ 13974 w 763729"/>
                <a:gd name="connsiteY7" fmla="*/ 84451 h 64571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763729" h="645716">
                  <a:moveTo>
                    <a:pt x="0" y="0"/>
                  </a:moveTo>
                  <a:lnTo>
                    <a:pt x="185294" y="0"/>
                  </a:lnTo>
                  <a:lnTo>
                    <a:pt x="355055" y="58725"/>
                  </a:lnTo>
                  <a:cubicBezTo>
                    <a:pt x="479685" y="103237"/>
                    <a:pt x="593305" y="150833"/>
                    <a:pt x="656721" y="212533"/>
                  </a:cubicBezTo>
                  <a:cubicBezTo>
                    <a:pt x="758891" y="307726"/>
                    <a:pt x="787076" y="469907"/>
                    <a:pt x="744799" y="600357"/>
                  </a:cubicBezTo>
                  <a:cubicBezTo>
                    <a:pt x="737753" y="621511"/>
                    <a:pt x="720137" y="635614"/>
                    <a:pt x="698998" y="639140"/>
                  </a:cubicBezTo>
                  <a:cubicBezTo>
                    <a:pt x="582736" y="656768"/>
                    <a:pt x="417150" y="642665"/>
                    <a:pt x="297364" y="550998"/>
                  </a:cubicBezTo>
                  <a:cubicBezTo>
                    <a:pt x="125612" y="418785"/>
                    <a:pt x="50967" y="248891"/>
                    <a:pt x="13974" y="8445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8" name="Freeform 61">
              <a:extLst>
                <a:ext uri="{FF2B5EF4-FFF2-40B4-BE49-F238E27FC236}">
                  <a16:creationId xmlns:a16="http://schemas.microsoft.com/office/drawing/2014/main" id="{5D173788-730B-26E3-F522-0EF2C87C732C}"/>
                </a:ext>
              </a:extLst>
            </p:cNvPr>
            <p:cNvSpPr>
              <a:spLocks/>
            </p:cNvSpPr>
            <p:nvPr/>
          </p:nvSpPr>
          <p:spPr bwMode="auto">
            <a:xfrm>
              <a:off x="8521533" y="3875962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9" name="Freeform 62">
              <a:extLst>
                <a:ext uri="{FF2B5EF4-FFF2-40B4-BE49-F238E27FC236}">
                  <a16:creationId xmlns:a16="http://schemas.microsoft.com/office/drawing/2014/main" id="{2E91ED03-981B-F4C4-AC04-5F4B46CEE9A5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7761" y="2689335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0" name="Freeform 63">
              <a:extLst>
                <a:ext uri="{FF2B5EF4-FFF2-40B4-BE49-F238E27FC236}">
                  <a16:creationId xmlns:a16="http://schemas.microsoft.com/office/drawing/2014/main" id="{A8B0A40F-01EB-7132-7907-C38E509DC66E}"/>
                </a:ext>
              </a:extLst>
            </p:cNvPr>
            <p:cNvSpPr>
              <a:spLocks/>
            </p:cNvSpPr>
            <p:nvPr/>
          </p:nvSpPr>
          <p:spPr bwMode="auto">
            <a:xfrm>
              <a:off x="6558257" y="3174380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1" name="Freeform 64">
              <a:extLst>
                <a:ext uri="{FF2B5EF4-FFF2-40B4-BE49-F238E27FC236}">
                  <a16:creationId xmlns:a16="http://schemas.microsoft.com/office/drawing/2014/main" id="{8C8D3910-75DA-88C0-78C6-5234CA68A2D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937" y="1361237"/>
              <a:ext cx="958541" cy="1062479"/>
            </a:xfrm>
            <a:custGeom>
              <a:avLst/>
              <a:gdLst>
                <a:gd name="T0" fmla="*/ 63 w 272"/>
                <a:gd name="T1" fmla="*/ 231 h 302"/>
                <a:gd name="T2" fmla="*/ 5 w 272"/>
                <a:gd name="T3" fmla="*/ 0 h 302"/>
                <a:gd name="T4" fmla="*/ 212 w 272"/>
                <a:gd name="T5" fmla="*/ 122 h 302"/>
                <a:gd name="T6" fmla="*/ 262 w 272"/>
                <a:gd name="T7" fmla="*/ 285 h 302"/>
                <a:gd name="T8" fmla="*/ 242 w 272"/>
                <a:gd name="T9" fmla="*/ 302 h 302"/>
                <a:gd name="T10" fmla="*/ 63 w 272"/>
                <a:gd name="T11" fmla="*/ 231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2" h="302">
                  <a:moveTo>
                    <a:pt x="63" y="231"/>
                  </a:moveTo>
                  <a:cubicBezTo>
                    <a:pt x="14" y="176"/>
                    <a:pt x="0" y="101"/>
                    <a:pt x="5" y="0"/>
                  </a:cubicBezTo>
                  <a:cubicBezTo>
                    <a:pt x="79" y="68"/>
                    <a:pt x="155" y="66"/>
                    <a:pt x="212" y="122"/>
                  </a:cubicBezTo>
                  <a:cubicBezTo>
                    <a:pt x="251" y="160"/>
                    <a:pt x="272" y="224"/>
                    <a:pt x="262" y="285"/>
                  </a:cubicBezTo>
                  <a:cubicBezTo>
                    <a:pt x="260" y="294"/>
                    <a:pt x="252" y="302"/>
                    <a:pt x="242" y="302"/>
                  </a:cubicBezTo>
                  <a:cubicBezTo>
                    <a:pt x="179" y="302"/>
                    <a:pt x="113" y="288"/>
                    <a:pt x="63" y="23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2" name="Freeform 65">
              <a:extLst>
                <a:ext uri="{FF2B5EF4-FFF2-40B4-BE49-F238E27FC236}">
                  <a16:creationId xmlns:a16="http://schemas.microsoft.com/office/drawing/2014/main" id="{8F0ADBA5-BED2-B1DE-29C0-E235C4EF7BD3}"/>
                </a:ext>
              </a:extLst>
            </p:cNvPr>
            <p:cNvSpPr>
              <a:spLocks/>
            </p:cNvSpPr>
            <p:nvPr/>
          </p:nvSpPr>
          <p:spPr bwMode="auto">
            <a:xfrm>
              <a:off x="8290559" y="4886472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 66">
              <a:extLst>
                <a:ext uri="{FF2B5EF4-FFF2-40B4-BE49-F238E27FC236}">
                  <a16:creationId xmlns:a16="http://schemas.microsoft.com/office/drawing/2014/main" id="{923D81A2-8230-F303-D003-74DAB0C8E4D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175881" y="4698806"/>
              <a:ext cx="886361" cy="747777"/>
            </a:xfrm>
            <a:custGeom>
              <a:avLst/>
              <a:gdLst>
                <a:gd name="T0" fmla="*/ 187 w 251"/>
                <a:gd name="T1" fmla="*/ 162 h 212"/>
                <a:gd name="T2" fmla="*/ 0 w 251"/>
                <a:gd name="T3" fmla="*/ 191 h 212"/>
                <a:gd name="T4" fmla="*/ 106 w 251"/>
                <a:gd name="T5" fmla="*/ 37 h 212"/>
                <a:gd name="T6" fmla="*/ 233 w 251"/>
                <a:gd name="T7" fmla="*/ 13 h 212"/>
                <a:gd name="T8" fmla="*/ 247 w 251"/>
                <a:gd name="T9" fmla="*/ 28 h 212"/>
                <a:gd name="T10" fmla="*/ 187 w 251"/>
                <a:gd name="T11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1" h="212">
                  <a:moveTo>
                    <a:pt x="187" y="162"/>
                  </a:moveTo>
                  <a:cubicBezTo>
                    <a:pt x="144" y="196"/>
                    <a:pt x="76" y="212"/>
                    <a:pt x="0" y="191"/>
                  </a:cubicBezTo>
                  <a:cubicBezTo>
                    <a:pt x="43" y="132"/>
                    <a:pt x="67" y="67"/>
                    <a:pt x="106" y="37"/>
                  </a:cubicBezTo>
                  <a:cubicBezTo>
                    <a:pt x="148" y="4"/>
                    <a:pt x="187" y="0"/>
                    <a:pt x="233" y="13"/>
                  </a:cubicBezTo>
                  <a:cubicBezTo>
                    <a:pt x="240" y="15"/>
                    <a:pt x="246" y="21"/>
                    <a:pt x="247" y="28"/>
                  </a:cubicBezTo>
                  <a:cubicBezTo>
                    <a:pt x="251" y="71"/>
                    <a:pt x="230" y="128"/>
                    <a:pt x="187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67">
              <a:extLst>
                <a:ext uri="{FF2B5EF4-FFF2-40B4-BE49-F238E27FC236}">
                  <a16:creationId xmlns:a16="http://schemas.microsoft.com/office/drawing/2014/main" id="{03560F7C-2E3E-39B9-094A-DFAE8E18BEAB}"/>
                </a:ext>
              </a:extLst>
            </p:cNvPr>
            <p:cNvSpPr>
              <a:spLocks/>
            </p:cNvSpPr>
            <p:nvPr/>
          </p:nvSpPr>
          <p:spPr bwMode="auto">
            <a:xfrm>
              <a:off x="9194243" y="4210874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3702B85C-E98E-D7B5-7745-48B1EF00DF5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826605" y="5322345"/>
              <a:ext cx="365395" cy="1437900"/>
            </a:xfrm>
            <a:custGeom>
              <a:avLst/>
              <a:gdLst>
                <a:gd name="connsiteX0" fmla="*/ 364532 w 365395"/>
                <a:gd name="connsiteY0" fmla="*/ 37 h 1437900"/>
                <a:gd name="connsiteX1" fmla="*/ 365395 w 365395"/>
                <a:gd name="connsiteY1" fmla="*/ 347 h 1437900"/>
                <a:gd name="connsiteX2" fmla="*/ 365395 w 365395"/>
                <a:gd name="connsiteY2" fmla="*/ 1221898 h 1437900"/>
                <a:gd name="connsiteX3" fmla="*/ 313152 w 365395"/>
                <a:gd name="connsiteY3" fmla="*/ 1283144 h 1437900"/>
                <a:gd name="connsiteX4" fmla="*/ 125679 w 365395"/>
                <a:gd name="connsiteY4" fmla="*/ 1437900 h 1437900"/>
                <a:gd name="connsiteX5" fmla="*/ 9122 w 365395"/>
                <a:gd name="connsiteY5" fmla="*/ 606959 h 1437900"/>
                <a:gd name="connsiteX6" fmla="*/ 334068 w 365395"/>
                <a:gd name="connsiteY6" fmla="*/ 11920 h 1437900"/>
                <a:gd name="connsiteX7" fmla="*/ 364532 w 365395"/>
                <a:gd name="connsiteY7" fmla="*/ 37 h 14379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65395" h="1437900">
                  <a:moveTo>
                    <a:pt x="364532" y="37"/>
                  </a:moveTo>
                  <a:lnTo>
                    <a:pt x="365395" y="347"/>
                  </a:lnTo>
                  <a:lnTo>
                    <a:pt x="365395" y="1221898"/>
                  </a:lnTo>
                  <a:lnTo>
                    <a:pt x="313152" y="1283144"/>
                  </a:lnTo>
                  <a:cubicBezTo>
                    <a:pt x="257247" y="1341955"/>
                    <a:pt x="194554" y="1394769"/>
                    <a:pt x="125679" y="1437900"/>
                  </a:cubicBezTo>
                  <a:cubicBezTo>
                    <a:pt x="104487" y="1117495"/>
                    <a:pt x="-36794" y="895676"/>
                    <a:pt x="9122" y="606959"/>
                  </a:cubicBezTo>
                  <a:cubicBezTo>
                    <a:pt x="44442" y="364014"/>
                    <a:pt x="178659" y="124590"/>
                    <a:pt x="334068" y="11920"/>
                  </a:cubicBezTo>
                  <a:cubicBezTo>
                    <a:pt x="342898" y="3118"/>
                    <a:pt x="353494" y="-403"/>
                    <a:pt x="364532" y="3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6" name="Freeform 69">
              <a:extLst>
                <a:ext uri="{FF2B5EF4-FFF2-40B4-BE49-F238E27FC236}">
                  <a16:creationId xmlns:a16="http://schemas.microsoft.com/office/drawing/2014/main" id="{E7C4E7AA-FD08-BAF3-E06D-CB79D58EAD95}"/>
                </a:ext>
              </a:extLst>
            </p:cNvPr>
            <p:cNvSpPr>
              <a:spLocks/>
            </p:cNvSpPr>
            <p:nvPr/>
          </p:nvSpPr>
          <p:spPr bwMode="auto">
            <a:xfrm>
              <a:off x="9609996" y="3330287"/>
              <a:ext cx="1316550" cy="727567"/>
            </a:xfrm>
            <a:custGeom>
              <a:avLst/>
              <a:gdLst>
                <a:gd name="T0" fmla="*/ 219 w 374"/>
                <a:gd name="T1" fmla="*/ 198 h 207"/>
                <a:gd name="T2" fmla="*/ 0 w 374"/>
                <a:gd name="T3" fmla="*/ 109 h 207"/>
                <a:gd name="T4" fmla="*/ 202 w 374"/>
                <a:gd name="T5" fmla="*/ 8 h 207"/>
                <a:gd name="T6" fmla="*/ 366 w 374"/>
                <a:gd name="T7" fmla="*/ 70 h 207"/>
                <a:gd name="T8" fmla="*/ 370 w 374"/>
                <a:gd name="T9" fmla="*/ 92 h 207"/>
                <a:gd name="T10" fmla="*/ 219 w 374"/>
                <a:gd name="T11" fmla="*/ 198 h 2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74" h="207">
                  <a:moveTo>
                    <a:pt x="219" y="198"/>
                  </a:moveTo>
                  <a:cubicBezTo>
                    <a:pt x="151" y="207"/>
                    <a:pt x="68" y="180"/>
                    <a:pt x="0" y="109"/>
                  </a:cubicBezTo>
                  <a:cubicBezTo>
                    <a:pt x="73" y="71"/>
                    <a:pt x="122" y="18"/>
                    <a:pt x="202" y="8"/>
                  </a:cubicBezTo>
                  <a:cubicBezTo>
                    <a:pt x="268" y="0"/>
                    <a:pt x="330" y="31"/>
                    <a:pt x="366" y="70"/>
                  </a:cubicBezTo>
                  <a:cubicBezTo>
                    <a:pt x="372" y="76"/>
                    <a:pt x="374" y="84"/>
                    <a:pt x="370" y="92"/>
                  </a:cubicBezTo>
                  <a:cubicBezTo>
                    <a:pt x="348" y="141"/>
                    <a:pt x="288" y="190"/>
                    <a:pt x="219" y="19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7" name="Freeform 70">
              <a:extLst>
                <a:ext uri="{FF2B5EF4-FFF2-40B4-BE49-F238E27FC236}">
                  <a16:creationId xmlns:a16="http://schemas.microsoft.com/office/drawing/2014/main" id="{15FE4254-2B79-B418-D85D-A8DD47343ED6}"/>
                </a:ext>
              </a:extLst>
            </p:cNvPr>
            <p:cNvSpPr>
              <a:spLocks/>
            </p:cNvSpPr>
            <p:nvPr/>
          </p:nvSpPr>
          <p:spPr bwMode="auto">
            <a:xfrm>
              <a:off x="8535969" y="5746848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 71">
              <a:extLst>
                <a:ext uri="{FF2B5EF4-FFF2-40B4-BE49-F238E27FC236}">
                  <a16:creationId xmlns:a16="http://schemas.microsoft.com/office/drawing/2014/main" id="{899C20AA-4E43-4A8C-F988-1E1ED238FE01}"/>
                </a:ext>
              </a:extLst>
            </p:cNvPr>
            <p:cNvSpPr>
              <a:spLocks/>
            </p:cNvSpPr>
            <p:nvPr/>
          </p:nvSpPr>
          <p:spPr bwMode="auto">
            <a:xfrm>
              <a:off x="7548556" y="881967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pic>
        <p:nvPicPr>
          <p:cNvPr id="3" name="Logo">
            <a:extLst>
              <a:ext uri="{FF2B5EF4-FFF2-40B4-BE49-F238E27FC236}">
                <a16:creationId xmlns:a16="http://schemas.microsoft.com/office/drawing/2014/main" id="{CAE4657E-921F-C9EA-1197-A53CCFB295C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9439"/>
            <a:ext cx="1047599" cy="756599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1360801"/>
            <a:ext cx="5691600" cy="3553199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CBFFD67-813A-47D6-93D5-82C8D380FF6C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270001" y="360000"/>
            <a:ext cx="1189205" cy="288000"/>
          </a:xfrm>
          <a:prstGeom prst="rect">
            <a:avLst/>
          </a:prstGeom>
        </p:spPr>
        <p:txBody>
          <a:bodyPr tIns="32400" anchor="t" anchorCtr="0"/>
          <a:lstStyle>
            <a:lvl1pPr algn="l">
              <a:defRPr sz="900">
                <a:solidFill>
                  <a:schemeClr val="tx1"/>
                </a:solidFill>
              </a:defRPr>
            </a:lvl1pPr>
          </a:lstStyle>
          <a:p>
            <a:fld id="{63017B18-18AE-1C43-9C11-740EB60BDD3D}" type="datetime1">
              <a:rPr lang="en-US" smtClean="0"/>
              <a:t>3/4/2025</a:t>
            </a:fld>
            <a:endParaRPr lang="en-US" dirty="0"/>
          </a:p>
        </p:txBody>
      </p:sp>
      <p:sp>
        <p:nvSpPr>
          <p:cNvPr id="43" name="Footer Placeholder 42">
            <a:extLst>
              <a:ext uri="{FF2B5EF4-FFF2-40B4-BE49-F238E27FC236}">
                <a16:creationId xmlns:a16="http://schemas.microsoft.com/office/drawing/2014/main" id="{25D0DEB9-810F-C189-1C73-87D0BFFFB3B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>
          <a:xfrm>
            <a:off x="1728000" y="360000"/>
            <a:ext cx="4230900" cy="288000"/>
          </a:xfrm>
          <a:prstGeom prst="rect">
            <a:avLst/>
          </a:prstGeom>
        </p:spPr>
        <p:txBody>
          <a:bodyPr tIns="32400" anchor="t" anchorCtr="0"/>
          <a:lstStyle>
            <a:lvl1pPr algn="l">
              <a:defRPr sz="900"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5031763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_SUBTITL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EDAFB03-A302-5C4E-80A3-75635CF218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71475" y="789007"/>
            <a:ext cx="8555038" cy="463304"/>
          </a:xfrm>
          <a:prstGeom prst="rect">
            <a:avLst/>
          </a:prstGeom>
        </p:spPr>
        <p:txBody>
          <a:bodyPr lIns="0" tIns="0" rIns="0" bIns="0"/>
          <a:lstStyle>
            <a:lvl1pPr>
              <a:spcBef>
                <a:spcPts val="0"/>
              </a:spcBef>
              <a:defRPr sz="2396" b="1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47B7BB5F-C4DF-B54E-91A8-10BA1DD9A2C1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71475" y="1284481"/>
            <a:ext cx="8555038" cy="329185"/>
          </a:xfrm>
          <a:prstGeom prst="rect">
            <a:avLst/>
          </a:prstGeom>
        </p:spPr>
        <p:txBody>
          <a:bodyPr lIns="0" tIns="0" rIns="0" bIns="0"/>
          <a:lstStyle>
            <a:lvl1pPr>
              <a:spcBef>
                <a:spcPts val="0"/>
              </a:spcBef>
              <a:defRPr sz="1398" b="1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5A4D2EF7-39AF-454E-A395-65902C74D1A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89232" y="447340"/>
            <a:ext cx="8555038" cy="242543"/>
          </a:xfrm>
          <a:prstGeom prst="rect">
            <a:avLst/>
          </a:prstGeom>
        </p:spPr>
        <p:txBody>
          <a:bodyPr lIns="0" tIns="0" rIns="0" bIns="0"/>
          <a:lstStyle>
            <a:lvl1pPr>
              <a:spcBef>
                <a:spcPts val="0"/>
              </a:spcBef>
              <a:defRPr sz="1098" b="1"/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120087C8-1182-D94D-998D-BCFB22B7AB98}"/>
              </a:ext>
            </a:extLst>
          </p:cNvPr>
          <p:cNvSpPr txBox="1"/>
          <p:nvPr userDrawn="1"/>
        </p:nvSpPr>
        <p:spPr>
          <a:xfrm>
            <a:off x="6462944" y="3323089"/>
            <a:ext cx="0" cy="0"/>
          </a:xfrm>
          <a:prstGeom prst="rect">
            <a:avLst/>
          </a:prstGeom>
          <a:ln w="28575">
            <a:solidFill>
              <a:srgbClr val="F26321"/>
            </a:solidFill>
          </a:ln>
        </p:spPr>
        <p:txBody>
          <a:bodyPr vert="horz" wrap="none" lIns="182542" tIns="182542" rIns="182542" bIns="182542" rtlCol="0">
            <a:normAutofit fontScale="25000" lnSpcReduction="20000"/>
          </a:bodyPr>
          <a:lstStyle/>
          <a:p>
            <a:pPr defTabSz="684715"/>
            <a:endParaRPr lang="en-US" sz="1348" dirty="0">
              <a:solidFill>
                <a:srgbClr val="000000"/>
              </a:solidFill>
            </a:endParaRPr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67BAB730-EFD2-BD43-81DE-524712CE1B4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753709" y="6499109"/>
            <a:ext cx="384808" cy="286994"/>
          </a:xfrm>
          <a:prstGeom prst="rect">
            <a:avLst/>
          </a:prstGeom>
        </p:spPr>
        <p:txBody>
          <a:bodyPr/>
          <a:lstStyle>
            <a:lvl1pPr algn="r">
              <a:defRPr sz="800"/>
            </a:lvl1pPr>
          </a:lstStyle>
          <a:p>
            <a:pPr defTabSz="456344" fontAlgn="base">
              <a:spcBef>
                <a:spcPct val="0"/>
              </a:spcBef>
              <a:spcAft>
                <a:spcPct val="0"/>
              </a:spcAft>
            </a:pPr>
            <a:fld id="{933D77C5-7D33-F54D-9A33-ABFE7C9FDC16}" type="slidenum">
              <a:rPr lang="en-US" smtClean="0">
                <a:solidFill>
                  <a:srgbClr val="000000"/>
                </a:solidFill>
                <a:cs typeface="Arial" charset="0"/>
              </a:rPr>
              <a:pPr defTabSz="456344" fontAlgn="base">
                <a:spcBef>
                  <a:spcPct val="0"/>
                </a:spcBef>
                <a:spcAft>
                  <a:spcPct val="0"/>
                </a:spcAft>
              </a:pPr>
              <a:t>‹#›</a:t>
            </a:fld>
            <a:endParaRPr lang="en-US" dirty="0">
              <a:solidFill>
                <a:srgbClr val="000000"/>
              </a:solidFill>
              <a:cs typeface="Arial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7098182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. 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5" name="Slide Number Placeholder 8">
            <a:extLst>
              <a:ext uri="{FF2B5EF4-FFF2-40B4-BE49-F238E27FC236}">
                <a16:creationId xmlns:a16="http://schemas.microsoft.com/office/drawing/2014/main" id="{9E5F9EA3-7375-CBAE-943D-F5387EFE19D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410597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0">
            <a:extLst>
              <a:ext uri="{FF2B5EF4-FFF2-40B4-BE49-F238E27FC236}">
                <a16:creationId xmlns:a16="http://schemas.microsoft.com/office/drawing/2014/main" id="{0D4320E0-8D73-17BB-D307-1CF425255C5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923222" y="6100998"/>
            <a:ext cx="6666769" cy="365909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1. Credit Suisse 2023 Managed Care: Annual Health Benefits Survey. 2. Cigna 7/2022 national analysis of non-tiered rates 1/2020–12/2021. 100% steerage. Savings may vary. 3. Cigna 12/1/2022 national analysis comparing active OAP and LocalPlus markets. Savings may vary. Map is illustrative and includes a 2023-24 analysis of expected network coverage as of 1/1/23. Availability may vary by location and plan funding type and is subject to change.</a:t>
            </a:r>
          </a:p>
        </p:txBody>
      </p:sp>
    </p:spTree>
    <p:extLst>
      <p:ext uri="{BB962C8B-B14F-4D97-AF65-F5344CB8AC3E}">
        <p14:creationId xmlns:p14="http://schemas.microsoft.com/office/powerpoint/2010/main" val="12479233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 rot="5400000">
            <a:off x="3878262" y="519113"/>
            <a:ext cx="1404937" cy="9170988"/>
          </a:xfrm>
          <a:prstGeom prst="rect">
            <a:avLst/>
          </a:prstGeom>
          <a:solidFill>
            <a:srgbClr val="188CCC"/>
          </a:solidFill>
          <a:ln w="349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defTabSz="457200" fontAlgn="base">
              <a:spcBef>
                <a:spcPct val="0"/>
              </a:spcBef>
              <a:spcAft>
                <a:spcPct val="0"/>
              </a:spcAft>
              <a:defRPr/>
            </a:pPr>
            <a:endParaRPr lang="en-US" sz="2400">
              <a:solidFill>
                <a:srgbClr val="FFFF00"/>
              </a:solidFill>
              <a:ea typeface="ＭＳ Ｐゴシック" pitchFamily="34" charset="-128"/>
            </a:endParaRPr>
          </a:p>
        </p:txBody>
      </p:sp>
      <p:sp>
        <p:nvSpPr>
          <p:cNvPr id="5" name="Rectangle 4"/>
          <p:cNvSpPr/>
          <p:nvPr userDrawn="1"/>
        </p:nvSpPr>
        <p:spPr bwMode="auto">
          <a:xfrm rot="5400000">
            <a:off x="2870199" y="-1881187"/>
            <a:ext cx="3395663" cy="9170988"/>
          </a:xfrm>
          <a:prstGeom prst="rect">
            <a:avLst/>
          </a:prstGeom>
          <a:solidFill>
            <a:srgbClr val="002851"/>
          </a:solidFill>
          <a:ln w="349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defTabSz="457200" fontAlgn="base">
              <a:spcBef>
                <a:spcPct val="0"/>
              </a:spcBef>
              <a:spcAft>
                <a:spcPct val="0"/>
              </a:spcAft>
              <a:defRPr/>
            </a:pPr>
            <a:endParaRPr lang="en-US" sz="2400">
              <a:solidFill>
                <a:srgbClr val="FFFF00"/>
              </a:solidFill>
              <a:ea typeface="ＭＳ Ｐゴシック" pitchFamily="34" charset="-128"/>
            </a:endParaRPr>
          </a:p>
        </p:txBody>
      </p:sp>
      <p:pic>
        <p:nvPicPr>
          <p:cNvPr id="6" name="Picture 8" descr="CignaLogo.png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91338" y="5961063"/>
            <a:ext cx="2024062" cy="838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0242" name="Title Placeholder 1"/>
          <p:cNvSpPr>
            <a:spLocks noGrp="1"/>
          </p:cNvSpPr>
          <p:nvPr>
            <p:ph type="ctrTitle"/>
          </p:nvPr>
        </p:nvSpPr>
        <p:spPr>
          <a:xfrm>
            <a:off x="457200" y="2192374"/>
            <a:ext cx="7696200" cy="1773237"/>
          </a:xfrm>
          <a:prstGeom prst="rect">
            <a:avLst/>
          </a:prstGeom>
        </p:spPr>
        <p:txBody>
          <a:bodyPr anchor="b"/>
          <a:lstStyle>
            <a:lvl1pPr>
              <a:lnSpc>
                <a:spcPts val="4800"/>
              </a:lnSpc>
              <a:defRPr sz="4800" b="1" cap="all" baseline="0">
                <a:solidFill>
                  <a:srgbClr val="FFFFFF"/>
                </a:solidFill>
                <a:latin typeface="Arial" charset="0"/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10243" name="Text Placeholder 2"/>
          <p:cNvSpPr>
            <a:spLocks noGrp="1"/>
          </p:cNvSpPr>
          <p:nvPr>
            <p:ph type="subTitle" idx="1"/>
          </p:nvPr>
        </p:nvSpPr>
        <p:spPr>
          <a:xfrm>
            <a:off x="457200" y="4402138"/>
            <a:ext cx="7696200" cy="1404938"/>
          </a:xfrm>
        </p:spPr>
        <p:txBody>
          <a:bodyPr anchor="ctr"/>
          <a:lstStyle>
            <a:lvl1pPr marL="0" indent="0">
              <a:lnSpc>
                <a:spcPts val="1900"/>
              </a:lnSpc>
              <a:buFont typeface="Arial" charset="0"/>
              <a:buNone/>
              <a:defRPr sz="2000" b="0">
                <a:solidFill>
                  <a:schemeClr val="bg1"/>
                </a:solidFill>
                <a:latin typeface="Arial" charset="0"/>
              </a:defRPr>
            </a:lvl1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55448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5"/>
          <p:cNvSpPr>
            <a:spLocks noGrp="1"/>
          </p:cNvSpPr>
          <p:nvPr>
            <p:ph type="sldNum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fld id="{F145B737-5748-4B9F-A72F-8A2F37E38BD1}" type="slidenum">
              <a:rPr lang="en-US" altLang="en-US"/>
              <a:pPr/>
              <a:t>‹#›</a:t>
            </a:fld>
            <a:endParaRPr lang="en-US" altLang="en-US"/>
          </a:p>
        </p:txBody>
      </p:sp>
      <p:sp>
        <p:nvSpPr>
          <p:cNvPr id="3" name="Rectangle 7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en-US"/>
              <a:t>Confidential, unpublished property of Cigna. Do not duplicate or distribute. Use and distribution limited solely to authorized personnel. © 2016 Cigna</a:t>
            </a:r>
          </a:p>
        </p:txBody>
      </p:sp>
    </p:spTree>
    <p:extLst>
      <p:ext uri="{BB962C8B-B14F-4D97-AF65-F5344CB8AC3E}">
        <p14:creationId xmlns:p14="http://schemas.microsoft.com/office/powerpoint/2010/main" val="415690013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 marL="230188" indent="-230188">
              <a:buClr>
                <a:schemeClr val="tx1"/>
              </a:buClr>
              <a:buFont typeface="Arial" panose="020B0604020202020204" pitchFamily="34" charset="0"/>
              <a:buChar char="•"/>
              <a:defRPr/>
            </a:lvl1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Title 1"/>
          <p:cNvSpPr>
            <a:spLocks noGrp="1"/>
          </p:cNvSpPr>
          <p:nvPr>
            <p:ph type="title"/>
          </p:nvPr>
        </p:nvSpPr>
        <p:spPr>
          <a:xfrm>
            <a:off x="452438" y="274638"/>
            <a:ext cx="8229600" cy="646112"/>
          </a:xfrm>
        </p:spPr>
        <p:txBody>
          <a:bodyPr/>
          <a:lstStyle>
            <a:lvl1pPr>
              <a:defRPr sz="2000" cap="none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Slide Number Placeholder 5"/>
          <p:cNvSpPr>
            <a:spLocks noGrp="1"/>
          </p:cNvSpPr>
          <p:nvPr>
            <p:ph type="sldNum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fld id="{839ABAD8-0852-4933-8C14-5B6CEC82A622}" type="slidenum">
              <a:rPr lang="en-US" altLang="en-US"/>
              <a:pPr/>
              <a:t>‹#›</a:t>
            </a:fld>
            <a:endParaRPr lang="en-US" altLang="en-US"/>
          </a:p>
        </p:txBody>
      </p:sp>
      <p:sp>
        <p:nvSpPr>
          <p:cNvPr id="5" name="Rectangle 7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en-US"/>
              <a:t>Confidential, unpublished property of Cigna. Do not duplicate or distribute. Use and distribution limited solely to authorized personnel. © 2016 Cigna</a:t>
            </a:r>
          </a:p>
        </p:txBody>
      </p:sp>
    </p:spTree>
    <p:extLst>
      <p:ext uri="{BB962C8B-B14F-4D97-AF65-F5344CB8AC3E}">
        <p14:creationId xmlns:p14="http://schemas.microsoft.com/office/powerpoint/2010/main" val="62126642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67DF502-0597-DE6F-EFAA-91FE7CBC24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9841" y="365126"/>
            <a:ext cx="7886700" cy="1325563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65B2D51-88C7-8166-7DF4-05B2412EE19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29842" y="1681163"/>
            <a:ext cx="3868340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74D9031-D1F7-2CE0-3119-FE2D72314FE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29842" y="2505075"/>
            <a:ext cx="3868340" cy="368458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C584C981-6167-2D0E-C5BB-60431E3459B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4629150" y="1681163"/>
            <a:ext cx="3887391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EAFAC50-58D5-0FF1-CA9C-ADFF4B70CC11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4629150" y="2505075"/>
            <a:ext cx="3887391" cy="368458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5C140669-89C9-BF24-2E7F-436F238163C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Date Placeholder 3">
            <a:extLst>
              <a:ext uri="{FF2B5EF4-FFF2-40B4-BE49-F238E27FC236}">
                <a16:creationId xmlns:a16="http://schemas.microsoft.com/office/drawing/2014/main" id="{BD82EBC4-2F3F-76F6-9F48-6C651FEEA1D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532BC3DA-44D3-403F-B482-6E30132375BD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83766301"/>
      </p:ext>
    </p:extLst>
  </p:cSld>
  <p:clrMapOvr>
    <a:masterClrMapping/>
  </p:clrMapOvr>
  <p:transition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 rot="5400000">
            <a:off x="2370137" y="-2397125"/>
            <a:ext cx="4424363" cy="9174163"/>
          </a:xfrm>
          <a:prstGeom prst="rect">
            <a:avLst/>
          </a:prstGeom>
          <a:solidFill>
            <a:srgbClr val="002851"/>
          </a:solidFill>
          <a:ln w="349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defTabSz="457200" fontAlgn="base">
              <a:spcBef>
                <a:spcPct val="0"/>
              </a:spcBef>
              <a:spcAft>
                <a:spcPct val="0"/>
              </a:spcAft>
              <a:defRPr/>
            </a:pPr>
            <a:endParaRPr lang="en-US" sz="2400">
              <a:solidFill>
                <a:srgbClr val="FFFF00"/>
              </a:solidFill>
              <a:ea typeface="ＭＳ Ｐゴシック" pitchFamily="34" charset="-128"/>
            </a:endParaRPr>
          </a:p>
        </p:txBody>
      </p:sp>
      <p:sp>
        <p:nvSpPr>
          <p:cNvPr id="5" name="Rectangle 4"/>
          <p:cNvSpPr/>
          <p:nvPr userDrawn="1"/>
        </p:nvSpPr>
        <p:spPr bwMode="auto">
          <a:xfrm rot="5400000">
            <a:off x="3878262" y="519113"/>
            <a:ext cx="1404937" cy="9170988"/>
          </a:xfrm>
          <a:prstGeom prst="rect">
            <a:avLst/>
          </a:prstGeom>
          <a:solidFill>
            <a:srgbClr val="188CCC"/>
          </a:solidFill>
          <a:ln w="349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defTabSz="457200" fontAlgn="base">
              <a:spcBef>
                <a:spcPct val="0"/>
              </a:spcBef>
              <a:spcAft>
                <a:spcPct val="0"/>
              </a:spcAft>
              <a:defRPr/>
            </a:pPr>
            <a:endParaRPr lang="en-US" sz="2400">
              <a:solidFill>
                <a:srgbClr val="FFFF00"/>
              </a:solidFill>
              <a:ea typeface="ＭＳ Ｐゴシック" pitchFamily="34" charset="-128"/>
            </a:endParaRPr>
          </a:p>
        </p:txBody>
      </p:sp>
      <p:sp>
        <p:nvSpPr>
          <p:cNvPr id="7" name="Text Placeholder 2"/>
          <p:cNvSpPr>
            <a:spLocks noGrp="1"/>
          </p:cNvSpPr>
          <p:nvPr>
            <p:ph type="subTitle" idx="1"/>
          </p:nvPr>
        </p:nvSpPr>
        <p:spPr>
          <a:xfrm>
            <a:off x="457200" y="4402138"/>
            <a:ext cx="7696200" cy="1404938"/>
          </a:xfrm>
        </p:spPr>
        <p:txBody>
          <a:bodyPr anchor="ctr"/>
          <a:lstStyle>
            <a:lvl1pPr marL="0" indent="0">
              <a:lnSpc>
                <a:spcPts val="1900"/>
              </a:lnSpc>
              <a:buFont typeface="Arial" charset="0"/>
              <a:buNone/>
              <a:defRPr sz="2000" b="0">
                <a:solidFill>
                  <a:schemeClr val="bg1"/>
                </a:solidFill>
                <a:latin typeface="Arial" charset="0"/>
              </a:defRPr>
            </a:lvl1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8" name="Title Placeholder 1"/>
          <p:cNvSpPr>
            <a:spLocks noGrp="1"/>
          </p:cNvSpPr>
          <p:nvPr>
            <p:ph type="ctrTitle"/>
          </p:nvPr>
        </p:nvSpPr>
        <p:spPr>
          <a:xfrm>
            <a:off x="452439" y="2979738"/>
            <a:ext cx="8716962" cy="957264"/>
          </a:xfrm>
          <a:prstGeom prst="rect">
            <a:avLst/>
          </a:prstGeom>
        </p:spPr>
        <p:txBody>
          <a:bodyPr anchor="b"/>
          <a:lstStyle>
            <a:lvl1pPr>
              <a:lnSpc>
                <a:spcPts val="4800"/>
              </a:lnSpc>
              <a:defRPr sz="3800" b="1" cap="all" baseline="0">
                <a:solidFill>
                  <a:srgbClr val="FFFFFF"/>
                </a:solidFill>
                <a:latin typeface="Arial" charset="0"/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608384AD-5AFB-44FA-8301-3D18330A196B}" type="slidenum">
              <a:rPr lang="en-US" altLang="en-US"/>
              <a:pPr/>
              <a:t>‹#›</a:t>
            </a:fld>
            <a:endParaRPr lang="en-US" altLang="en-US"/>
          </a:p>
        </p:txBody>
      </p:sp>
      <p:sp>
        <p:nvSpPr>
          <p:cNvPr id="9" name="Rectangle 7"/>
          <p:cNvSpPr>
            <a:spLocks noGrp="1" noChangeArrowheads="1"/>
          </p:cNvSpPr>
          <p:nvPr>
            <p:ph type="ftr" sz="quarter" idx="11"/>
          </p:nvPr>
        </p:nvSpPr>
        <p:spPr/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en-US"/>
              <a:t>Confidential, unpublished property of Cigna. Do not duplicate or distribute. Use and distribution limited solely to authorized personnel. © 2016 Cigna</a:t>
            </a:r>
          </a:p>
        </p:txBody>
      </p:sp>
    </p:spTree>
    <p:extLst>
      <p:ext uri="{BB962C8B-B14F-4D97-AF65-F5344CB8AC3E}">
        <p14:creationId xmlns:p14="http://schemas.microsoft.com/office/powerpoint/2010/main" val="156270884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452438" y="274638"/>
            <a:ext cx="8229600" cy="646112"/>
          </a:xfrm>
        </p:spPr>
        <p:txBody>
          <a:bodyPr/>
          <a:lstStyle>
            <a:lvl1pPr>
              <a:defRPr sz="2000" cap="none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lide Number Placeholder 5"/>
          <p:cNvSpPr>
            <a:spLocks noGrp="1"/>
          </p:cNvSpPr>
          <p:nvPr>
            <p:ph type="sldNum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fld id="{00EDEE8A-F28C-41B1-83A4-775C58C1A4E4}" type="slidenum">
              <a:rPr lang="en-US" altLang="en-US"/>
              <a:pPr/>
              <a:t>‹#›</a:t>
            </a:fld>
            <a:endParaRPr lang="en-US" altLang="en-US"/>
          </a:p>
        </p:txBody>
      </p:sp>
      <p:sp>
        <p:nvSpPr>
          <p:cNvPr id="4" name="Rectangle 7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en-US"/>
              <a:t>Confidential, unpublished property of Cigna. Do not duplicate or distribute. Use and distribution limited solely to authorized personnel. © 2016 Cigna</a:t>
            </a:r>
          </a:p>
        </p:txBody>
      </p:sp>
    </p:spTree>
    <p:extLst>
      <p:ext uri="{BB962C8B-B14F-4D97-AF65-F5344CB8AC3E}">
        <p14:creationId xmlns:p14="http://schemas.microsoft.com/office/powerpoint/2010/main" val="1194494335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txAndObj" preserve="1">
  <p:cSld name="Title, Text,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2438" y="274638"/>
            <a:ext cx="8229600" cy="639762"/>
          </a:xfrm>
        </p:spPr>
        <p:txBody>
          <a:bodyPr/>
          <a:lstStyle>
            <a:lvl1pPr>
              <a:defRPr sz="2000" cap="none"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half" idx="1"/>
          </p:nvPr>
        </p:nvSpPr>
        <p:spPr>
          <a:xfrm>
            <a:off x="457200" y="1600200"/>
            <a:ext cx="4038600" cy="452596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4648200" y="1600200"/>
            <a:ext cx="4038600" cy="452596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Slide Number Placeholder 5"/>
          <p:cNvSpPr>
            <a:spLocks noGrp="1"/>
          </p:cNvSpPr>
          <p:nvPr>
            <p:ph type="sldNum" sz="quarter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fld id="{EF2C65F5-042A-4744-8D11-D71C1E4F624A}" type="slidenum">
              <a:rPr lang="en-US" altLang="en-US"/>
              <a:pPr/>
              <a:t>‹#›</a:t>
            </a:fld>
            <a:endParaRPr lang="en-US" altLang="en-US"/>
          </a:p>
        </p:txBody>
      </p:sp>
      <p:sp>
        <p:nvSpPr>
          <p:cNvPr id="6" name="Rectangle 7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r>
              <a:rPr lang="en-US"/>
              <a:t>Confidential, unpublished property of Cigna. Do not duplicate or distribute. Use and distribution limited solely to authorized personnel. © 2016 Cigna</a:t>
            </a:r>
          </a:p>
        </p:txBody>
      </p:sp>
    </p:spTree>
    <p:extLst>
      <p:ext uri="{BB962C8B-B14F-4D97-AF65-F5344CB8AC3E}">
        <p14:creationId xmlns:p14="http://schemas.microsoft.com/office/powerpoint/2010/main" val="221845927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/>
          <p:cNvSpPr/>
          <p:nvPr userDrawn="1"/>
        </p:nvSpPr>
        <p:spPr>
          <a:xfrm>
            <a:off x="8763000" y="6553200"/>
            <a:ext cx="304800" cy="2667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>
              <a:defRPr/>
            </a:pP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21728228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 and full size picture">
    <p:bg bwMode="ltGray"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DD808BC1-0D9E-EAE7-A1E9-FBA8D7C49D9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0"/>
            <a:ext cx="9144900" cy="6858000"/>
          </a:xfrm>
          <a:custGeom>
            <a:avLst/>
            <a:gdLst>
              <a:gd name="connsiteX0" fmla="*/ 0 w 12193200"/>
              <a:gd name="connsiteY0" fmla="*/ 0 h 6858000"/>
              <a:gd name="connsiteX1" fmla="*/ 12193200 w 12193200"/>
              <a:gd name="connsiteY1" fmla="*/ 0 h 6858000"/>
              <a:gd name="connsiteX2" fmla="*/ 12193200 w 12193200"/>
              <a:gd name="connsiteY2" fmla="*/ 6858000 h 6858000"/>
              <a:gd name="connsiteX3" fmla="*/ 12192000 w 12193200"/>
              <a:gd name="connsiteY3" fmla="*/ 6858000 h 6858000"/>
              <a:gd name="connsiteX4" fmla="*/ 12192000 w 12193200"/>
              <a:gd name="connsiteY4" fmla="*/ 6678000 h 6858000"/>
              <a:gd name="connsiteX5" fmla="*/ 0 w 12193200"/>
              <a:gd name="connsiteY5" fmla="*/ 667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3200" h="6858000">
                <a:moveTo>
                  <a:pt x="0" y="0"/>
                </a:moveTo>
                <a:lnTo>
                  <a:pt x="12193200" y="0"/>
                </a:lnTo>
                <a:lnTo>
                  <a:pt x="12193200" y="6858000"/>
                </a:lnTo>
                <a:lnTo>
                  <a:pt x="12192000" y="6858000"/>
                </a:lnTo>
                <a:lnTo>
                  <a:pt x="12192000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108000" tIns="108000" rIns="108000" bIns="108000" anchor="t" anchorCtr="0">
            <a:noAutofit/>
          </a:bodyPr>
          <a:lstStyle>
            <a:lvl1pPr marL="0" indent="0" algn="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 or click on frame and insert picture using the Insert tab - Pictures</a:t>
            </a:r>
            <a:endParaRPr lang="en-US"/>
          </a:p>
        </p:txBody>
      </p:sp>
      <p:sp>
        <p:nvSpPr>
          <p:cNvPr id="10" name="Dynamic legal" descr="{&quot;templafy&quot;:{&quot;id&quot;:&quot;1dd36f8a-c6dc-41da-942e-6ce7838354e7&quot;}}">
            <a:extLst>
              <a:ext uri="{FF2B5EF4-FFF2-40B4-BE49-F238E27FC236}">
                <a16:creationId xmlns:a16="http://schemas.microsoft.com/office/drawing/2014/main" id="{60CD9714-4130-AA74-C488-386E326CE2C7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l" defTabSz="670322">
              <a:tabLst/>
            </a:pPr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												© 2024 Cigna Healthcare</a:t>
            </a:r>
          </a:p>
        </p:txBody>
      </p:sp>
      <p:sp>
        <p:nvSpPr>
          <p:cNvPr id="5" name="Dynmic Internal use only" descr="{&quot;templafy&quot;:{&quot;id&quot;:&quot;69685b86-625e-4770-93d7-88053af7132f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999DFF29-3CF3-4892-CDB1-E9257DF5C87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33" name="Text Placeholder logo">
            <a:extLst>
              <a:ext uri="{FF2B5EF4-FFF2-40B4-BE49-F238E27FC236}">
                <a16:creationId xmlns:a16="http://schemas.microsoft.com/office/drawing/2014/main" id="{748FB64F-BD95-FBDF-3D49-50F46761B7F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69081" y="5738400"/>
            <a:ext cx="1047600" cy="7596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1360800"/>
            <a:ext cx="56916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E97FF-E3F2-109F-5DAA-325105ED756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2870107-3878-827C-44EE-8E3B7FE6101E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820017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 and picture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ED4EC965-6865-A3F8-25A9-943E5B1DF779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579511" y="0"/>
            <a:ext cx="4574575" cy="6858000"/>
          </a:xfrm>
          <a:custGeom>
            <a:avLst/>
            <a:gdLst>
              <a:gd name="connsiteX0" fmla="*/ 254264 w 6099433"/>
              <a:gd name="connsiteY0" fmla="*/ 0 h 6858000"/>
              <a:gd name="connsiteX1" fmla="*/ 6099433 w 6099433"/>
              <a:gd name="connsiteY1" fmla="*/ 0 h 6858000"/>
              <a:gd name="connsiteX2" fmla="*/ 6099433 w 6099433"/>
              <a:gd name="connsiteY2" fmla="*/ 6858000 h 6858000"/>
              <a:gd name="connsiteX3" fmla="*/ 6085986 w 6099433"/>
              <a:gd name="connsiteY3" fmla="*/ 6858000 h 6858000"/>
              <a:gd name="connsiteX4" fmla="*/ 6085986 w 6099433"/>
              <a:gd name="connsiteY4" fmla="*/ 6678000 h 6858000"/>
              <a:gd name="connsiteX5" fmla="*/ 2055716 w 6099433"/>
              <a:gd name="connsiteY5" fmla="*/ 6678000 h 6858000"/>
              <a:gd name="connsiteX6" fmla="*/ 2030900 w 6099433"/>
              <a:gd name="connsiteY6" fmla="*/ 6634513 h 6858000"/>
              <a:gd name="connsiteX7" fmla="*/ 31970 w 6099433"/>
              <a:gd name="connsiteY7" fmla="*/ 1935353 h 6858000"/>
              <a:gd name="connsiteX8" fmla="*/ 254264 w 6099433"/>
              <a:gd name="connsiteY8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6099433" h="6858000">
                <a:moveTo>
                  <a:pt x="254264" y="0"/>
                </a:moveTo>
                <a:lnTo>
                  <a:pt x="6099433" y="0"/>
                </a:lnTo>
                <a:lnTo>
                  <a:pt x="6099433" y="6858000"/>
                </a:lnTo>
                <a:lnTo>
                  <a:pt x="6085986" y="6858000"/>
                </a:lnTo>
                <a:lnTo>
                  <a:pt x="6085986" y="6678000"/>
                </a:lnTo>
                <a:lnTo>
                  <a:pt x="2055716" y="6678000"/>
                </a:lnTo>
                <a:lnTo>
                  <a:pt x="2030900" y="6634513"/>
                </a:lnTo>
                <a:cubicBezTo>
                  <a:pt x="1593147" y="5864395"/>
                  <a:pt x="180714" y="3293880"/>
                  <a:pt x="31970" y="1935353"/>
                </a:cubicBezTo>
                <a:cubicBezTo>
                  <a:pt x="-60800" y="1087755"/>
                  <a:pt x="58965" y="459359"/>
                  <a:pt x="2542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576000" bIns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5" name="Dynamic legal" descr="{&quot;templafy&quot;:{&quot;id&quot;:&quot;14a9320b-4b41-4f72-9ed9-135689f1249e&quot;}}">
            <a:extLst>
              <a:ext uri="{FF2B5EF4-FFF2-40B4-BE49-F238E27FC236}">
                <a16:creationId xmlns:a16="http://schemas.microsoft.com/office/drawing/2014/main" id="{11B4D32B-4FEF-E35A-438F-9955571939F7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l" defTabSz="725091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											© 2024 Cigna Healthcare</a:t>
            </a:r>
          </a:p>
        </p:txBody>
      </p:sp>
      <p:sp>
        <p:nvSpPr>
          <p:cNvPr id="8" name="Dynmic Internal use only" descr="{&quot;templafy&quot;:{&quot;id&quot;:&quot;30123874-f3ef-4993-99ec-ace37f790d42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B1C548A5-7A7D-D196-5577-FF273D6853F7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01155BA4-9690-54DE-D396-BEE36AEBE8F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35073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098F6BE2-5CCD-41E0-71C3-2AC0B438B15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35073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1B730B9-DB20-8806-A85A-0B3815542F9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3B8F2E49-B95B-22DC-F91C-332DF9B4BD78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1493450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 and picture">
    <p:bg bwMode="ltGray"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C3F8057-12BE-38CC-B6F4-AD96D0FEAAAC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579511" y="0"/>
            <a:ext cx="4574575" cy="6858000"/>
          </a:xfrm>
          <a:custGeom>
            <a:avLst/>
            <a:gdLst>
              <a:gd name="connsiteX0" fmla="*/ 254264 w 6099433"/>
              <a:gd name="connsiteY0" fmla="*/ 0 h 6858000"/>
              <a:gd name="connsiteX1" fmla="*/ 6099433 w 6099433"/>
              <a:gd name="connsiteY1" fmla="*/ 0 h 6858000"/>
              <a:gd name="connsiteX2" fmla="*/ 6099433 w 6099433"/>
              <a:gd name="connsiteY2" fmla="*/ 6858000 h 6858000"/>
              <a:gd name="connsiteX3" fmla="*/ 6085986 w 6099433"/>
              <a:gd name="connsiteY3" fmla="*/ 6858000 h 6858000"/>
              <a:gd name="connsiteX4" fmla="*/ 6085986 w 6099433"/>
              <a:gd name="connsiteY4" fmla="*/ 6678000 h 6858000"/>
              <a:gd name="connsiteX5" fmla="*/ 2055716 w 6099433"/>
              <a:gd name="connsiteY5" fmla="*/ 6678000 h 6858000"/>
              <a:gd name="connsiteX6" fmla="*/ 2030900 w 6099433"/>
              <a:gd name="connsiteY6" fmla="*/ 6634513 h 6858000"/>
              <a:gd name="connsiteX7" fmla="*/ 31970 w 6099433"/>
              <a:gd name="connsiteY7" fmla="*/ 1935353 h 6858000"/>
              <a:gd name="connsiteX8" fmla="*/ 254264 w 6099433"/>
              <a:gd name="connsiteY8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6099433" h="6858000">
                <a:moveTo>
                  <a:pt x="254264" y="0"/>
                </a:moveTo>
                <a:lnTo>
                  <a:pt x="6099433" y="0"/>
                </a:lnTo>
                <a:lnTo>
                  <a:pt x="6099433" y="6858000"/>
                </a:lnTo>
                <a:lnTo>
                  <a:pt x="6085986" y="6858000"/>
                </a:lnTo>
                <a:lnTo>
                  <a:pt x="6085986" y="6678000"/>
                </a:lnTo>
                <a:lnTo>
                  <a:pt x="2055716" y="6678000"/>
                </a:lnTo>
                <a:lnTo>
                  <a:pt x="2030900" y="6634513"/>
                </a:lnTo>
                <a:cubicBezTo>
                  <a:pt x="1593147" y="5864395"/>
                  <a:pt x="180714" y="3293880"/>
                  <a:pt x="31970" y="1935353"/>
                </a:cubicBezTo>
                <a:cubicBezTo>
                  <a:pt x="-60800" y="1087755"/>
                  <a:pt x="58965" y="459359"/>
                  <a:pt x="2542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576000" bIns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8" name="Dynamic legal" descr="{&quot;templafy&quot;:{&quot;id&quot;:&quot;f56c5d85-08e7-4f59-b5cf-4a34eb3a8ca7&quot;}}">
            <a:extLst>
              <a:ext uri="{FF2B5EF4-FFF2-40B4-BE49-F238E27FC236}">
                <a16:creationId xmlns:a16="http://schemas.microsoft.com/office/drawing/2014/main" id="{5B7198C0-317E-DF42-0318-75B4D4E8E824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4c3ba4d2-1939-4043-982f-4020159cbd2a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CAFADA8D-5700-6A24-0A13-07496FFAEBD4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01155BA4-9690-54DE-D396-BEE36AEBE8F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35073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95DDA6B-AC8C-A901-7118-1CD00897B63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35073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BF78AF2-297F-235E-F639-F68E31D9E763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F5B2AAA-B38E-4A11-879F-3A8546A9663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9" name="Footer Placeholder 6">
            <a:extLst>
              <a:ext uri="{FF2B5EF4-FFF2-40B4-BE49-F238E27FC236}">
                <a16:creationId xmlns:a16="http://schemas.microsoft.com/office/drawing/2014/main" id="{37AD13BB-B2F1-A580-B1A7-9233F7FDD42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DAFAA34-7650-B385-0DD8-5608BC81D7D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10856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 and picture">
    <p:bg bwMode="ltGray"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72B71523-1CD5-C290-0697-AE0AF18C2D3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579511" y="0"/>
            <a:ext cx="4574575" cy="6858000"/>
          </a:xfrm>
          <a:custGeom>
            <a:avLst/>
            <a:gdLst>
              <a:gd name="connsiteX0" fmla="*/ 254264 w 6099433"/>
              <a:gd name="connsiteY0" fmla="*/ 0 h 6858000"/>
              <a:gd name="connsiteX1" fmla="*/ 6099433 w 6099433"/>
              <a:gd name="connsiteY1" fmla="*/ 0 h 6858000"/>
              <a:gd name="connsiteX2" fmla="*/ 6099433 w 6099433"/>
              <a:gd name="connsiteY2" fmla="*/ 6858000 h 6858000"/>
              <a:gd name="connsiteX3" fmla="*/ 6085986 w 6099433"/>
              <a:gd name="connsiteY3" fmla="*/ 6858000 h 6858000"/>
              <a:gd name="connsiteX4" fmla="*/ 6085986 w 6099433"/>
              <a:gd name="connsiteY4" fmla="*/ 6678000 h 6858000"/>
              <a:gd name="connsiteX5" fmla="*/ 2055716 w 6099433"/>
              <a:gd name="connsiteY5" fmla="*/ 6678000 h 6858000"/>
              <a:gd name="connsiteX6" fmla="*/ 2030900 w 6099433"/>
              <a:gd name="connsiteY6" fmla="*/ 6634513 h 6858000"/>
              <a:gd name="connsiteX7" fmla="*/ 31970 w 6099433"/>
              <a:gd name="connsiteY7" fmla="*/ 1935353 h 6858000"/>
              <a:gd name="connsiteX8" fmla="*/ 254264 w 6099433"/>
              <a:gd name="connsiteY8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6099433" h="6858000">
                <a:moveTo>
                  <a:pt x="254264" y="0"/>
                </a:moveTo>
                <a:lnTo>
                  <a:pt x="6099433" y="0"/>
                </a:lnTo>
                <a:lnTo>
                  <a:pt x="6099433" y="6858000"/>
                </a:lnTo>
                <a:lnTo>
                  <a:pt x="6085986" y="6858000"/>
                </a:lnTo>
                <a:lnTo>
                  <a:pt x="6085986" y="6678000"/>
                </a:lnTo>
                <a:lnTo>
                  <a:pt x="2055716" y="6678000"/>
                </a:lnTo>
                <a:lnTo>
                  <a:pt x="2030900" y="6634513"/>
                </a:lnTo>
                <a:cubicBezTo>
                  <a:pt x="1593147" y="5864395"/>
                  <a:pt x="180714" y="3293880"/>
                  <a:pt x="31970" y="1935353"/>
                </a:cubicBezTo>
                <a:cubicBezTo>
                  <a:pt x="-60800" y="1087755"/>
                  <a:pt x="58965" y="459359"/>
                  <a:pt x="2542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576000" bIns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8" name="Dynamic legal" descr="{&quot;templafy&quot;:{&quot;id&quot;:&quot;59873b6a-f6be-4cee-95c1-14f89e659daf&quot;}}">
            <a:extLst>
              <a:ext uri="{FF2B5EF4-FFF2-40B4-BE49-F238E27FC236}">
                <a16:creationId xmlns:a16="http://schemas.microsoft.com/office/drawing/2014/main" id="{3A1EC0A8-548B-F093-3F7C-D2744B7080C8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e38ec059-ac63-422e-a7ab-fac9012ea03d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1A765C6B-A34F-EE16-8BDD-315AD6F56A37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01155BA4-9690-54DE-D396-BEE36AEBE8F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35073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3AB6C4-8CAE-CB4D-2397-DBDC7ACF35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35073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11054277-595B-B532-8981-AB11FD0F158A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4A36FC6-8660-4F9E-8F2C-067F5D4B8D6C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9" name="Footer Placeholder 6">
            <a:extLst>
              <a:ext uri="{FF2B5EF4-FFF2-40B4-BE49-F238E27FC236}">
                <a16:creationId xmlns:a16="http://schemas.microsoft.com/office/drawing/2014/main" id="{D6F29D76-FEF0-3D2C-70C5-C3FB30FBEF17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2BAD4C6-2A6C-C9C6-1699-885FE6D4503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329531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ver and picture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FB7A62FA-117D-4C80-FBCC-784C505497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7237571" cy="6678000"/>
          </a:xfrm>
          <a:custGeom>
            <a:avLst/>
            <a:gdLst>
              <a:gd name="connsiteX0" fmla="*/ 0 w 9650095"/>
              <a:gd name="connsiteY0" fmla="*/ 0 h 6678000"/>
              <a:gd name="connsiteX1" fmla="*/ 9650095 w 9650095"/>
              <a:gd name="connsiteY1" fmla="*/ 0 h 6678000"/>
              <a:gd name="connsiteX2" fmla="*/ 8347202 w 9650095"/>
              <a:gd name="connsiteY2" fmla="*/ 5439537 h 6678000"/>
              <a:gd name="connsiteX3" fmla="*/ 8337112 w 9650095"/>
              <a:gd name="connsiteY3" fmla="*/ 6547211 h 6678000"/>
              <a:gd name="connsiteX4" fmla="*/ 8353971 w 9650095"/>
              <a:gd name="connsiteY4" fmla="*/ 6678000 h 6678000"/>
              <a:gd name="connsiteX5" fmla="*/ 0 w 9650095"/>
              <a:gd name="connsiteY5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650095" h="6678000">
                <a:moveTo>
                  <a:pt x="0" y="0"/>
                </a:moveTo>
                <a:lnTo>
                  <a:pt x="9650095" y="0"/>
                </a:lnTo>
                <a:cubicBezTo>
                  <a:pt x="9650095" y="0"/>
                  <a:pt x="8523859" y="3660394"/>
                  <a:pt x="8347202" y="5439537"/>
                </a:cubicBezTo>
                <a:cubicBezTo>
                  <a:pt x="8305959" y="5854732"/>
                  <a:pt x="8306579" y="6222349"/>
                  <a:pt x="8337112" y="6547211"/>
                </a:cubicBezTo>
                <a:lnTo>
                  <a:pt x="8353971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l">
              <a:spcAft>
                <a:spcPts val="0"/>
              </a:spcAft>
              <a:buFont typeface="Arial" panose="020B0604020202020204" pitchFamily="34" charset="0"/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 or click on frame and insert picture using the Insert tab - Pictures</a:t>
            </a:r>
            <a:endParaRPr lang="en-US"/>
          </a:p>
        </p:txBody>
      </p:sp>
      <p:sp>
        <p:nvSpPr>
          <p:cNvPr id="11" name="Dynamic legal" descr="{&quot;templafy&quot;:{&quot;id&quot;:&quot;bfb1757d-cf3f-4fd2-ae13-927d06150383&quot;}}">
            <a:extLst>
              <a:ext uri="{FF2B5EF4-FFF2-40B4-BE49-F238E27FC236}">
                <a16:creationId xmlns:a16="http://schemas.microsoft.com/office/drawing/2014/main" id="{EF8A2AE8-892C-928A-BE6A-6F50B4F47069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fccf3784-0dc6-480f-aac3-0cae40539de5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A58F6C25-841E-F9D0-5531-344CDA626D0E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9" name="Text Placeholder logo">
            <a:extLst>
              <a:ext uri="{FF2B5EF4-FFF2-40B4-BE49-F238E27FC236}">
                <a16:creationId xmlns:a16="http://schemas.microsoft.com/office/drawing/2014/main" id="{218D1888-5A40-7BB4-FD40-23F04A7C82B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69081" y="5738400"/>
            <a:ext cx="1047600" cy="7596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49626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17E59AF6-EB40-CFAB-321E-7AE7E991798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4962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4A04B7-ECEC-9516-BA61-8DF3F5126838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EA38ABBE-48C4-4A70-A8B6-A46D601BDA13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3" name="Slide Number Placeholder 9">
            <a:extLst>
              <a:ext uri="{FF2B5EF4-FFF2-40B4-BE49-F238E27FC236}">
                <a16:creationId xmlns:a16="http://schemas.microsoft.com/office/drawing/2014/main" id="{A08E2AC8-24CB-456F-D16B-56AC8480CE1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6">
            <a:extLst>
              <a:ext uri="{FF2B5EF4-FFF2-40B4-BE49-F238E27FC236}">
                <a16:creationId xmlns:a16="http://schemas.microsoft.com/office/drawing/2014/main" id="{47FDD2A7-1887-CF90-1141-953384B4B6FE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1455788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ver and picture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FE246F1-8DD5-E4B4-9816-84E2452AAA6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7237571" cy="6678000"/>
          </a:xfrm>
          <a:custGeom>
            <a:avLst/>
            <a:gdLst>
              <a:gd name="connsiteX0" fmla="*/ 0 w 9650095"/>
              <a:gd name="connsiteY0" fmla="*/ 0 h 6678000"/>
              <a:gd name="connsiteX1" fmla="*/ 9650095 w 9650095"/>
              <a:gd name="connsiteY1" fmla="*/ 0 h 6678000"/>
              <a:gd name="connsiteX2" fmla="*/ 8347202 w 9650095"/>
              <a:gd name="connsiteY2" fmla="*/ 5439537 h 6678000"/>
              <a:gd name="connsiteX3" fmla="*/ 8337112 w 9650095"/>
              <a:gd name="connsiteY3" fmla="*/ 6547211 h 6678000"/>
              <a:gd name="connsiteX4" fmla="*/ 8353971 w 9650095"/>
              <a:gd name="connsiteY4" fmla="*/ 6678000 h 6678000"/>
              <a:gd name="connsiteX5" fmla="*/ 0 w 9650095"/>
              <a:gd name="connsiteY5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650095" h="6678000">
                <a:moveTo>
                  <a:pt x="0" y="0"/>
                </a:moveTo>
                <a:lnTo>
                  <a:pt x="9650095" y="0"/>
                </a:lnTo>
                <a:cubicBezTo>
                  <a:pt x="9650095" y="0"/>
                  <a:pt x="8523859" y="3660394"/>
                  <a:pt x="8347202" y="5439537"/>
                </a:cubicBezTo>
                <a:cubicBezTo>
                  <a:pt x="8305959" y="5854732"/>
                  <a:pt x="8306579" y="6222349"/>
                  <a:pt x="8337112" y="6547211"/>
                </a:cubicBezTo>
                <a:lnTo>
                  <a:pt x="8353971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l">
              <a:spcAft>
                <a:spcPts val="0"/>
              </a:spcAft>
              <a:buFont typeface="Arial" panose="020B0604020202020204" pitchFamily="34" charset="0"/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 or click on frame and insert picture using the Insert tab - Pictures</a:t>
            </a:r>
            <a:endParaRPr lang="en-US"/>
          </a:p>
        </p:txBody>
      </p:sp>
      <p:sp>
        <p:nvSpPr>
          <p:cNvPr id="5" name="Dynamic legal" descr="{&quot;templafy&quot;:{&quot;id&quot;:&quot;f5ae2256-4b70-4a8e-8dd2-01f095bf3383&quot;}}">
            <a:extLst>
              <a:ext uri="{FF2B5EF4-FFF2-40B4-BE49-F238E27FC236}">
                <a16:creationId xmlns:a16="http://schemas.microsoft.com/office/drawing/2014/main" id="{0D7F5B99-6172-CA5C-7EBD-8A390C7C3B66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2" name="Dynmic Internal use only" descr="{&quot;templafy&quot;:{&quot;id&quot;:&quot;249440ef-07c5-421d-8d29-41d2653cda27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5B4DCF06-C2DD-86AA-462D-027E576CD46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9" name="Text Placeholder logo">
            <a:extLst>
              <a:ext uri="{FF2B5EF4-FFF2-40B4-BE49-F238E27FC236}">
                <a16:creationId xmlns:a16="http://schemas.microsoft.com/office/drawing/2014/main" id="{218D1888-5A40-7BB4-FD40-23F04A7C82B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69081" y="5738400"/>
            <a:ext cx="1047600" cy="7596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1360800"/>
            <a:ext cx="4961608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17E59AF6-EB40-CFAB-321E-7AE7E991798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4961608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228904D9-701C-5423-693C-FA78F1DAB3E8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6086B65-FA9A-4CB4-A3BE-AA9513CD03E1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100478DC-53AC-A6DC-E7B7-565F138D561F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6">
            <a:extLst>
              <a:ext uri="{FF2B5EF4-FFF2-40B4-BE49-F238E27FC236}">
                <a16:creationId xmlns:a16="http://schemas.microsoft.com/office/drawing/2014/main" id="{AE8E3507-9E29-AC74-C724-26DF27A23B41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24560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AFFD68-AAAD-B847-FEDE-8097587BDC2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6" name="Slide Number Placeholder 8">
            <a:extLst>
              <a:ext uri="{FF2B5EF4-FFF2-40B4-BE49-F238E27FC236}">
                <a16:creationId xmlns:a16="http://schemas.microsoft.com/office/drawing/2014/main" id="{B89124A5-C580-974C-9DFC-4CA6D36E2E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Date Placeholder 3">
            <a:extLst>
              <a:ext uri="{FF2B5EF4-FFF2-40B4-BE49-F238E27FC236}">
                <a16:creationId xmlns:a16="http://schemas.microsoft.com/office/drawing/2014/main" id="{04C2586E-844F-4FD9-59B7-5D4EFCF75D3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A3C2A90E-EA67-4593-BE45-D910D8E3EDD4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1945003"/>
      </p:ext>
    </p:extLst>
  </p:cSld>
  <p:clrMapOvr>
    <a:masterClrMapping/>
  </p:clrMapOvr>
  <p:transition/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ver and picture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2DA42368-07DC-A18A-7B5D-9040BAFD08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7237571" cy="6678000"/>
          </a:xfrm>
          <a:custGeom>
            <a:avLst/>
            <a:gdLst>
              <a:gd name="connsiteX0" fmla="*/ 0 w 9650095"/>
              <a:gd name="connsiteY0" fmla="*/ 0 h 6678000"/>
              <a:gd name="connsiteX1" fmla="*/ 9650095 w 9650095"/>
              <a:gd name="connsiteY1" fmla="*/ 0 h 6678000"/>
              <a:gd name="connsiteX2" fmla="*/ 8347202 w 9650095"/>
              <a:gd name="connsiteY2" fmla="*/ 5439537 h 6678000"/>
              <a:gd name="connsiteX3" fmla="*/ 8337112 w 9650095"/>
              <a:gd name="connsiteY3" fmla="*/ 6547211 h 6678000"/>
              <a:gd name="connsiteX4" fmla="*/ 8353971 w 9650095"/>
              <a:gd name="connsiteY4" fmla="*/ 6678000 h 6678000"/>
              <a:gd name="connsiteX5" fmla="*/ 0 w 9650095"/>
              <a:gd name="connsiteY5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650095" h="6678000">
                <a:moveTo>
                  <a:pt x="0" y="0"/>
                </a:moveTo>
                <a:lnTo>
                  <a:pt x="9650095" y="0"/>
                </a:lnTo>
                <a:cubicBezTo>
                  <a:pt x="9650095" y="0"/>
                  <a:pt x="8523859" y="3660394"/>
                  <a:pt x="8347202" y="5439537"/>
                </a:cubicBezTo>
                <a:cubicBezTo>
                  <a:pt x="8305959" y="5854732"/>
                  <a:pt x="8306579" y="6222349"/>
                  <a:pt x="8337112" y="6547211"/>
                </a:cubicBezTo>
                <a:lnTo>
                  <a:pt x="8353971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l">
              <a:spcAft>
                <a:spcPts val="0"/>
              </a:spcAft>
              <a:buFont typeface="Arial" panose="020B0604020202020204" pitchFamily="34" charset="0"/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 or click on frame and insert picture using the Insert tab - Pictures</a:t>
            </a:r>
            <a:endParaRPr lang="en-US"/>
          </a:p>
        </p:txBody>
      </p:sp>
      <p:sp>
        <p:nvSpPr>
          <p:cNvPr id="3" name="Dynamic legal" descr="{&quot;templafy&quot;:{&quot;id&quot;:&quot;097135c3-5b5c-4017-8311-3f6f35eb4ca9&quot;}}">
            <a:extLst>
              <a:ext uri="{FF2B5EF4-FFF2-40B4-BE49-F238E27FC236}">
                <a16:creationId xmlns:a16="http://schemas.microsoft.com/office/drawing/2014/main" id="{D711B8BE-7563-FD81-8A3C-DDACBF765A3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5a3ae7a4-a89c-4074-9262-84510f7659d0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31A9A2FA-543C-7469-60C0-49FE2D83A890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9" name="Text Placeholder logo">
            <a:extLst>
              <a:ext uri="{FF2B5EF4-FFF2-40B4-BE49-F238E27FC236}">
                <a16:creationId xmlns:a16="http://schemas.microsoft.com/office/drawing/2014/main" id="{218D1888-5A40-7BB4-FD40-23F04A7C82B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69081" y="5738400"/>
            <a:ext cx="1047600" cy="7596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49626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17E59AF6-EB40-CFAB-321E-7AE7E991798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4962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4E92B8EE-1ADF-DDD3-61E2-EB441472F9CD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987FCE39-5EEC-4D4A-8C9B-BF6A32DC922E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740D2082-12E8-3F62-6B89-C33609BA988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6">
            <a:extLst>
              <a:ext uri="{FF2B5EF4-FFF2-40B4-BE49-F238E27FC236}">
                <a16:creationId xmlns:a16="http://schemas.microsoft.com/office/drawing/2014/main" id="{B6BDCC74-E0AC-2A1F-0C25-46229D454B18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739030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 color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109" name="Group 108">
            <a:extLst>
              <a:ext uri="{FF2B5EF4-FFF2-40B4-BE49-F238E27FC236}">
                <a16:creationId xmlns:a16="http://schemas.microsoft.com/office/drawing/2014/main" id="{EF1432D5-A3F9-115B-962B-388A466D0024}"/>
              </a:ext>
            </a:extLst>
          </p:cNvPr>
          <p:cNvGrpSpPr/>
          <p:nvPr userDrawn="1"/>
        </p:nvGrpSpPr>
        <p:grpSpPr>
          <a:xfrm>
            <a:off x="4918693" y="1"/>
            <a:ext cx="4225307" cy="6858001"/>
            <a:chOff x="6558257" y="0"/>
            <a:chExt cx="5633743" cy="6858001"/>
          </a:xfrm>
          <a:solidFill>
            <a:schemeClr val="tx2"/>
          </a:solidFill>
        </p:grpSpPr>
        <p:sp>
          <p:nvSpPr>
            <p:cNvPr id="7" name="Freeform 5">
              <a:extLst>
                <a:ext uri="{FF2B5EF4-FFF2-40B4-BE49-F238E27FC236}">
                  <a16:creationId xmlns:a16="http://schemas.microsoft.com/office/drawing/2014/main" id="{024A1C9F-3168-578B-8BDE-5FD7886BD37A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8824" y="2544977"/>
              <a:ext cx="1414713" cy="929669"/>
            </a:xfrm>
            <a:custGeom>
              <a:avLst/>
              <a:gdLst>
                <a:gd name="T0" fmla="*/ 156 w 401"/>
                <a:gd name="T1" fmla="*/ 225 h 264"/>
                <a:gd name="T2" fmla="*/ 0 w 401"/>
                <a:gd name="T3" fmla="*/ 34 h 264"/>
                <a:gd name="T4" fmla="*/ 246 w 401"/>
                <a:gd name="T5" fmla="*/ 39 h 264"/>
                <a:gd name="T6" fmla="*/ 401 w 401"/>
                <a:gd name="T7" fmla="*/ 229 h 264"/>
                <a:gd name="T8" fmla="*/ 156 w 401"/>
                <a:gd name="T9" fmla="*/ 225 h 2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01" h="264">
                  <a:moveTo>
                    <a:pt x="156" y="225"/>
                  </a:moveTo>
                  <a:cubicBezTo>
                    <a:pt x="75" y="186"/>
                    <a:pt x="21" y="115"/>
                    <a:pt x="0" y="34"/>
                  </a:cubicBezTo>
                  <a:cubicBezTo>
                    <a:pt x="76" y="1"/>
                    <a:pt x="166" y="0"/>
                    <a:pt x="246" y="39"/>
                  </a:cubicBezTo>
                  <a:cubicBezTo>
                    <a:pt x="327" y="78"/>
                    <a:pt x="381" y="149"/>
                    <a:pt x="401" y="229"/>
                  </a:cubicBezTo>
                  <a:cubicBezTo>
                    <a:pt x="326" y="263"/>
                    <a:pt x="236" y="264"/>
                    <a:pt x="156" y="225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" name="Freeform 6">
              <a:extLst>
                <a:ext uri="{FF2B5EF4-FFF2-40B4-BE49-F238E27FC236}">
                  <a16:creationId xmlns:a16="http://schemas.microsoft.com/office/drawing/2014/main" id="{328E937B-75AD-DF1D-7917-61D54E6247C5}"/>
                </a:ext>
              </a:extLst>
            </p:cNvPr>
            <p:cNvSpPr>
              <a:spLocks/>
            </p:cNvSpPr>
            <p:nvPr/>
          </p:nvSpPr>
          <p:spPr bwMode="auto">
            <a:xfrm>
              <a:off x="8472451" y="2068594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" name="Freeform 8">
              <a:extLst>
                <a:ext uri="{FF2B5EF4-FFF2-40B4-BE49-F238E27FC236}">
                  <a16:creationId xmlns:a16="http://schemas.microsoft.com/office/drawing/2014/main" id="{C85033FA-793E-AA01-0AB1-F5E7C6942C1A}"/>
                </a:ext>
              </a:extLst>
            </p:cNvPr>
            <p:cNvSpPr>
              <a:spLocks/>
            </p:cNvSpPr>
            <p:nvPr/>
          </p:nvSpPr>
          <p:spPr bwMode="auto">
            <a:xfrm>
              <a:off x="8172185" y="4496704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1" name="Freeform 9">
              <a:extLst>
                <a:ext uri="{FF2B5EF4-FFF2-40B4-BE49-F238E27FC236}">
                  <a16:creationId xmlns:a16="http://schemas.microsoft.com/office/drawing/2014/main" id="{969D7882-626D-04E8-A8B2-115119BF2A22}"/>
                </a:ext>
              </a:extLst>
            </p:cNvPr>
            <p:cNvSpPr>
              <a:spLocks/>
            </p:cNvSpPr>
            <p:nvPr/>
          </p:nvSpPr>
          <p:spPr bwMode="auto">
            <a:xfrm>
              <a:off x="7199209" y="3823993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2" name="Freeform 10">
              <a:extLst>
                <a:ext uri="{FF2B5EF4-FFF2-40B4-BE49-F238E27FC236}">
                  <a16:creationId xmlns:a16="http://schemas.microsoft.com/office/drawing/2014/main" id="{1CCD7702-4DED-B05D-E109-C679BDCF70CF}"/>
                </a:ext>
              </a:extLst>
            </p:cNvPr>
            <p:cNvSpPr>
              <a:spLocks/>
            </p:cNvSpPr>
            <p:nvPr/>
          </p:nvSpPr>
          <p:spPr bwMode="auto">
            <a:xfrm>
              <a:off x="8027827" y="5746848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" name="Freeform 11">
              <a:extLst>
                <a:ext uri="{FF2B5EF4-FFF2-40B4-BE49-F238E27FC236}">
                  <a16:creationId xmlns:a16="http://schemas.microsoft.com/office/drawing/2014/main" id="{11FDB7A3-B7E0-6D67-D723-C1A2324C96F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39665" y="5498552"/>
              <a:ext cx="444624" cy="609193"/>
            </a:xfrm>
            <a:custGeom>
              <a:avLst/>
              <a:gdLst>
                <a:gd name="T0" fmla="*/ 103 w 126"/>
                <a:gd name="T1" fmla="*/ 110 h 173"/>
                <a:gd name="T2" fmla="*/ 12 w 126"/>
                <a:gd name="T3" fmla="*/ 173 h 173"/>
                <a:gd name="T4" fmla="*/ 23 w 126"/>
                <a:gd name="T5" fmla="*/ 63 h 173"/>
                <a:gd name="T6" fmla="*/ 114 w 126"/>
                <a:gd name="T7" fmla="*/ 0 h 173"/>
                <a:gd name="T8" fmla="*/ 103 w 126"/>
                <a:gd name="T9" fmla="*/ 110 h 17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26" h="173">
                  <a:moveTo>
                    <a:pt x="103" y="110"/>
                  </a:moveTo>
                  <a:cubicBezTo>
                    <a:pt x="82" y="145"/>
                    <a:pt x="49" y="167"/>
                    <a:pt x="12" y="173"/>
                  </a:cubicBezTo>
                  <a:cubicBezTo>
                    <a:pt x="0" y="138"/>
                    <a:pt x="2" y="98"/>
                    <a:pt x="23" y="63"/>
                  </a:cubicBezTo>
                  <a:cubicBezTo>
                    <a:pt x="43" y="28"/>
                    <a:pt x="77" y="7"/>
                    <a:pt x="114" y="0"/>
                  </a:cubicBezTo>
                  <a:cubicBezTo>
                    <a:pt x="126" y="36"/>
                    <a:pt x="123" y="76"/>
                    <a:pt x="103" y="1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" name="Freeform 12">
              <a:extLst>
                <a:ext uri="{FF2B5EF4-FFF2-40B4-BE49-F238E27FC236}">
                  <a16:creationId xmlns:a16="http://schemas.microsoft.com/office/drawing/2014/main" id="{4756103D-ABD1-2B3D-AC33-EC23E5C5FFE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091114" y="4620852"/>
              <a:ext cx="762213" cy="1157755"/>
            </a:xfrm>
            <a:custGeom>
              <a:avLst/>
              <a:gdLst>
                <a:gd name="T0" fmla="*/ 185 w 217"/>
                <a:gd name="T1" fmla="*/ 202 h 328"/>
                <a:gd name="T2" fmla="*/ 27 w 217"/>
                <a:gd name="T3" fmla="*/ 328 h 328"/>
                <a:gd name="T4" fmla="*/ 33 w 217"/>
                <a:gd name="T5" fmla="*/ 127 h 328"/>
                <a:gd name="T6" fmla="*/ 190 w 217"/>
                <a:gd name="T7" fmla="*/ 0 h 328"/>
                <a:gd name="T8" fmla="*/ 185 w 217"/>
                <a:gd name="T9" fmla="*/ 202 h 3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7" h="328">
                  <a:moveTo>
                    <a:pt x="185" y="202"/>
                  </a:moveTo>
                  <a:cubicBezTo>
                    <a:pt x="152" y="268"/>
                    <a:pt x="93" y="312"/>
                    <a:pt x="27" y="328"/>
                  </a:cubicBezTo>
                  <a:cubicBezTo>
                    <a:pt x="0" y="266"/>
                    <a:pt x="0" y="192"/>
                    <a:pt x="33" y="127"/>
                  </a:cubicBezTo>
                  <a:cubicBezTo>
                    <a:pt x="65" y="61"/>
                    <a:pt x="124" y="17"/>
                    <a:pt x="190" y="0"/>
                  </a:cubicBezTo>
                  <a:cubicBezTo>
                    <a:pt x="217" y="63"/>
                    <a:pt x="217" y="136"/>
                    <a:pt x="185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5" name="Freeform 13">
              <a:extLst>
                <a:ext uri="{FF2B5EF4-FFF2-40B4-BE49-F238E27FC236}">
                  <a16:creationId xmlns:a16="http://schemas.microsoft.com/office/drawing/2014/main" id="{A4FA5AC8-FF67-D98B-99E5-ED07F35712D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71943" y="272774"/>
              <a:ext cx="845941" cy="984525"/>
            </a:xfrm>
            <a:custGeom>
              <a:avLst/>
              <a:gdLst>
                <a:gd name="T0" fmla="*/ 185 w 240"/>
                <a:gd name="T1" fmla="*/ 91 h 280"/>
                <a:gd name="T2" fmla="*/ 225 w 240"/>
                <a:gd name="T3" fmla="*/ 280 h 280"/>
                <a:gd name="T4" fmla="*/ 55 w 240"/>
                <a:gd name="T5" fmla="*/ 189 h 280"/>
                <a:gd name="T6" fmla="*/ 15 w 240"/>
                <a:gd name="T7" fmla="*/ 0 h 280"/>
                <a:gd name="T8" fmla="*/ 185 w 240"/>
                <a:gd name="T9" fmla="*/ 91 h 28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0" h="280">
                  <a:moveTo>
                    <a:pt x="185" y="91"/>
                  </a:moveTo>
                  <a:cubicBezTo>
                    <a:pt x="227" y="147"/>
                    <a:pt x="240" y="216"/>
                    <a:pt x="225" y="280"/>
                  </a:cubicBezTo>
                  <a:cubicBezTo>
                    <a:pt x="160" y="276"/>
                    <a:pt x="97" y="245"/>
                    <a:pt x="55" y="189"/>
                  </a:cubicBezTo>
                  <a:cubicBezTo>
                    <a:pt x="13" y="133"/>
                    <a:pt x="0" y="64"/>
                    <a:pt x="15" y="0"/>
                  </a:cubicBezTo>
                  <a:cubicBezTo>
                    <a:pt x="80" y="4"/>
                    <a:pt x="143" y="35"/>
                    <a:pt x="185" y="9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E97028E4-1F95-1D28-439C-967F723B86D4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69989" y="3795700"/>
              <a:ext cx="222011" cy="1279191"/>
            </a:xfrm>
            <a:custGeom>
              <a:avLst/>
              <a:gdLst>
                <a:gd name="connsiteX0" fmla="*/ 222011 w 222011"/>
                <a:gd name="connsiteY0" fmla="*/ 0 h 1279191"/>
                <a:gd name="connsiteX1" fmla="*/ 222011 w 222011"/>
                <a:gd name="connsiteY1" fmla="*/ 1279191 h 1279191"/>
                <a:gd name="connsiteX2" fmla="*/ 182381 w 222011"/>
                <a:gd name="connsiteY2" fmla="*/ 1227648 h 1279191"/>
                <a:gd name="connsiteX3" fmla="*/ 14142 w 222011"/>
                <a:gd name="connsiteY3" fmla="*/ 804179 h 1279191"/>
                <a:gd name="connsiteX4" fmla="*/ 185629 w 222011"/>
                <a:gd name="connsiteY4" fmla="*/ 47028 h 127919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2011" h="1279191">
                  <a:moveTo>
                    <a:pt x="222011" y="0"/>
                  </a:moveTo>
                  <a:lnTo>
                    <a:pt x="222011" y="1279191"/>
                  </a:lnTo>
                  <a:lnTo>
                    <a:pt x="182381" y="1227648"/>
                  </a:lnTo>
                  <a:cubicBezTo>
                    <a:pt x="97821" y="1104393"/>
                    <a:pt x="38805" y="960889"/>
                    <a:pt x="14142" y="804179"/>
                  </a:cubicBezTo>
                  <a:cubicBezTo>
                    <a:pt x="-32102" y="526855"/>
                    <a:pt x="37649" y="260316"/>
                    <a:pt x="185629" y="4702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7" name="Freeform 15">
              <a:extLst>
                <a:ext uri="{FF2B5EF4-FFF2-40B4-BE49-F238E27FC236}">
                  <a16:creationId xmlns:a16="http://schemas.microsoft.com/office/drawing/2014/main" id="{04B4D291-0C14-3E70-A9E2-A9A414F7DCD8}"/>
                </a:ext>
              </a:extLst>
            </p:cNvPr>
            <p:cNvSpPr>
              <a:spLocks/>
            </p:cNvSpPr>
            <p:nvPr/>
          </p:nvSpPr>
          <p:spPr bwMode="auto">
            <a:xfrm>
              <a:off x="6878733" y="1635518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8" name="Freeform 16">
              <a:extLst>
                <a:ext uri="{FF2B5EF4-FFF2-40B4-BE49-F238E27FC236}">
                  <a16:creationId xmlns:a16="http://schemas.microsoft.com/office/drawing/2014/main" id="{20AC9553-328E-B9EA-F074-A9482E9681C6}"/>
                </a:ext>
              </a:extLst>
            </p:cNvPr>
            <p:cNvSpPr>
              <a:spLocks/>
            </p:cNvSpPr>
            <p:nvPr/>
          </p:nvSpPr>
          <p:spPr bwMode="auto">
            <a:xfrm>
              <a:off x="9621545" y="5524536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9" name="Freeform 17">
              <a:extLst>
                <a:ext uri="{FF2B5EF4-FFF2-40B4-BE49-F238E27FC236}">
                  <a16:creationId xmlns:a16="http://schemas.microsoft.com/office/drawing/2014/main" id="{E9213E32-D0DB-9F57-2BDB-C34A607EDCA1}"/>
                </a:ext>
              </a:extLst>
            </p:cNvPr>
            <p:cNvSpPr>
              <a:spLocks/>
            </p:cNvSpPr>
            <p:nvPr/>
          </p:nvSpPr>
          <p:spPr bwMode="auto">
            <a:xfrm>
              <a:off x="8940173" y="3171493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8F3583FA-2F33-BF1D-EB69-85FAFEFCA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9043" y="0"/>
              <a:ext cx="487585" cy="676978"/>
            </a:xfrm>
            <a:custGeom>
              <a:avLst/>
              <a:gdLst>
                <a:gd name="connsiteX0" fmla="*/ 11666 w 487585"/>
                <a:gd name="connsiteY0" fmla="*/ 0 h 676978"/>
                <a:gd name="connsiteX1" fmla="*/ 434755 w 487585"/>
                <a:gd name="connsiteY1" fmla="*/ 0 h 676978"/>
                <a:gd name="connsiteX2" fmla="*/ 477547 w 487585"/>
                <a:gd name="connsiteY2" fmla="*/ 138465 h 676978"/>
                <a:gd name="connsiteX3" fmla="*/ 332868 w 487585"/>
                <a:gd name="connsiteY3" fmla="*/ 676978 h 676978"/>
                <a:gd name="connsiteX4" fmla="*/ 11750 w 487585"/>
                <a:gd name="connsiteY4" fmla="*/ 219418 h 676978"/>
                <a:gd name="connsiteX5" fmla="*/ 558 w 487585"/>
                <a:gd name="connsiteY5" fmla="*/ 70930 h 67697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487585" h="676978">
                  <a:moveTo>
                    <a:pt x="11666" y="0"/>
                  </a:moveTo>
                  <a:lnTo>
                    <a:pt x="434755" y="0"/>
                  </a:lnTo>
                  <a:lnTo>
                    <a:pt x="477547" y="138465"/>
                  </a:lnTo>
                  <a:cubicBezTo>
                    <a:pt x="512835" y="339087"/>
                    <a:pt x="452846" y="532670"/>
                    <a:pt x="332868" y="676978"/>
                  </a:cubicBezTo>
                  <a:cubicBezTo>
                    <a:pt x="170545" y="585466"/>
                    <a:pt x="47038" y="420040"/>
                    <a:pt x="11750" y="219418"/>
                  </a:cubicBezTo>
                  <a:cubicBezTo>
                    <a:pt x="2046" y="169262"/>
                    <a:pt x="-1483" y="119546"/>
                    <a:pt x="558" y="7093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1" name="Freeform 19">
              <a:extLst>
                <a:ext uri="{FF2B5EF4-FFF2-40B4-BE49-F238E27FC236}">
                  <a16:creationId xmlns:a16="http://schemas.microsoft.com/office/drawing/2014/main" id="{10700D61-F3FB-15D2-6EB2-CBB5088B3C0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686911" y="3607455"/>
              <a:ext cx="1189514" cy="1013397"/>
            </a:xfrm>
            <a:custGeom>
              <a:avLst/>
              <a:gdLst>
                <a:gd name="T0" fmla="*/ 254 w 337"/>
                <a:gd name="T1" fmla="*/ 221 h 288"/>
                <a:gd name="T2" fmla="*/ 0 w 337"/>
                <a:gd name="T3" fmla="*/ 258 h 288"/>
                <a:gd name="T4" fmla="*/ 126 w 337"/>
                <a:gd name="T5" fmla="*/ 50 h 288"/>
                <a:gd name="T6" fmla="*/ 310 w 337"/>
                <a:gd name="T7" fmla="*/ 16 h 288"/>
                <a:gd name="T8" fmla="*/ 331 w 337"/>
                <a:gd name="T9" fmla="*/ 41 h 288"/>
                <a:gd name="T10" fmla="*/ 254 w 337"/>
                <a:gd name="T11" fmla="*/ 221 h 2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7" h="288">
                  <a:moveTo>
                    <a:pt x="254" y="221"/>
                  </a:moveTo>
                  <a:cubicBezTo>
                    <a:pt x="197" y="267"/>
                    <a:pt x="105" y="288"/>
                    <a:pt x="0" y="258"/>
                  </a:cubicBezTo>
                  <a:cubicBezTo>
                    <a:pt x="64" y="173"/>
                    <a:pt x="59" y="104"/>
                    <a:pt x="126" y="50"/>
                  </a:cubicBezTo>
                  <a:cubicBezTo>
                    <a:pt x="181" y="6"/>
                    <a:pt x="246" y="0"/>
                    <a:pt x="310" y="16"/>
                  </a:cubicBezTo>
                  <a:cubicBezTo>
                    <a:pt x="321" y="19"/>
                    <a:pt x="330" y="30"/>
                    <a:pt x="331" y="41"/>
                  </a:cubicBezTo>
                  <a:cubicBezTo>
                    <a:pt x="337" y="100"/>
                    <a:pt x="311" y="176"/>
                    <a:pt x="254" y="22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F7DF9D59-6400-A709-F3BF-6AFF6089086C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74412" y="1300607"/>
              <a:ext cx="517588" cy="1683010"/>
            </a:xfrm>
            <a:custGeom>
              <a:avLst/>
              <a:gdLst>
                <a:gd name="connsiteX0" fmla="*/ 410053 w 517588"/>
                <a:gd name="connsiteY0" fmla="*/ 0 h 1683010"/>
                <a:gd name="connsiteX1" fmla="*/ 517588 w 517588"/>
                <a:gd name="connsiteY1" fmla="*/ 236418 h 1683010"/>
                <a:gd name="connsiteX2" fmla="*/ 517588 w 517588"/>
                <a:gd name="connsiteY2" fmla="*/ 1666571 h 1683010"/>
                <a:gd name="connsiteX3" fmla="*/ 488597 w 517588"/>
                <a:gd name="connsiteY3" fmla="*/ 1681308 h 1683010"/>
                <a:gd name="connsiteX4" fmla="*/ 434763 w 517588"/>
                <a:gd name="connsiteY4" fmla="*/ 1674258 h 1683010"/>
                <a:gd name="connsiteX5" fmla="*/ 7626 w 517588"/>
                <a:gd name="connsiteY5" fmla="*/ 1057426 h 1683010"/>
                <a:gd name="connsiteX6" fmla="*/ 410053 w 517588"/>
                <a:gd name="connsiteY6" fmla="*/ 0 h 16830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7588" h="1683010">
                  <a:moveTo>
                    <a:pt x="410053" y="0"/>
                  </a:moveTo>
                  <a:lnTo>
                    <a:pt x="517588" y="236418"/>
                  </a:lnTo>
                  <a:lnTo>
                    <a:pt x="517588" y="1666571"/>
                  </a:lnTo>
                  <a:lnTo>
                    <a:pt x="488597" y="1681308"/>
                  </a:lnTo>
                  <a:cubicBezTo>
                    <a:pt x="470946" y="1684833"/>
                    <a:pt x="452414" y="1683070"/>
                    <a:pt x="434763" y="1674258"/>
                  </a:cubicBezTo>
                  <a:cubicBezTo>
                    <a:pt x="215899" y="1586140"/>
                    <a:pt x="46456" y="1342932"/>
                    <a:pt x="7626" y="1057426"/>
                  </a:cubicBezTo>
                  <a:cubicBezTo>
                    <a:pt x="-34735" y="775446"/>
                    <a:pt x="99407" y="296080"/>
                    <a:pt x="410053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0452F7D4-5702-5939-561B-74075C1FA01D}"/>
                </a:ext>
              </a:extLst>
            </p:cNvPr>
            <p:cNvSpPr>
              <a:spLocks/>
            </p:cNvSpPr>
            <p:nvPr/>
          </p:nvSpPr>
          <p:spPr bwMode="auto">
            <a:xfrm>
              <a:off x="9755429" y="6304270"/>
              <a:ext cx="578941" cy="553729"/>
            </a:xfrm>
            <a:custGeom>
              <a:avLst/>
              <a:gdLst>
                <a:gd name="connsiteX0" fmla="*/ 512809 w 578941"/>
                <a:gd name="connsiteY0" fmla="*/ 449 h 553729"/>
                <a:gd name="connsiteX1" fmla="*/ 569069 w 578941"/>
                <a:gd name="connsiteY1" fmla="*/ 42849 h 553729"/>
                <a:gd name="connsiteX2" fmla="*/ 502260 w 578941"/>
                <a:gd name="connsiteY2" fmla="*/ 449184 h 553729"/>
                <a:gd name="connsiteX3" fmla="*/ 415528 w 578941"/>
                <a:gd name="connsiteY3" fmla="*/ 553729 h 553729"/>
                <a:gd name="connsiteX4" fmla="*/ 0 w 578941"/>
                <a:gd name="connsiteY4" fmla="*/ 553729 h 553729"/>
                <a:gd name="connsiteX5" fmla="*/ 20539 w 578941"/>
                <a:gd name="connsiteY5" fmla="*/ 441234 h 553729"/>
                <a:gd name="connsiteX6" fmla="*/ 140090 w 578941"/>
                <a:gd name="connsiteY6" fmla="*/ 180649 h 553729"/>
                <a:gd name="connsiteX7" fmla="*/ 512809 w 578941"/>
                <a:gd name="connsiteY7" fmla="*/ 449 h 5537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78941" h="553729">
                  <a:moveTo>
                    <a:pt x="512809" y="449"/>
                  </a:moveTo>
                  <a:cubicBezTo>
                    <a:pt x="540939" y="-3085"/>
                    <a:pt x="565552" y="14582"/>
                    <a:pt x="569069" y="42849"/>
                  </a:cubicBezTo>
                  <a:cubicBezTo>
                    <a:pt x="593682" y="208916"/>
                    <a:pt x="572585" y="332583"/>
                    <a:pt x="502260" y="449184"/>
                  </a:cubicBezTo>
                  <a:lnTo>
                    <a:pt x="415528" y="553729"/>
                  </a:lnTo>
                  <a:lnTo>
                    <a:pt x="0" y="553729"/>
                  </a:lnTo>
                  <a:lnTo>
                    <a:pt x="20539" y="441234"/>
                  </a:lnTo>
                  <a:cubicBezTo>
                    <a:pt x="41636" y="345833"/>
                    <a:pt x="73282" y="256616"/>
                    <a:pt x="140090" y="180649"/>
                  </a:cubicBezTo>
                  <a:cubicBezTo>
                    <a:pt x="245576" y="56982"/>
                    <a:pt x="368644" y="11049"/>
                    <a:pt x="5128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4" name="Freeform 22">
              <a:extLst>
                <a:ext uri="{FF2B5EF4-FFF2-40B4-BE49-F238E27FC236}">
                  <a16:creationId xmlns:a16="http://schemas.microsoft.com/office/drawing/2014/main" id="{74646E50-FBF3-0088-2175-0B4AA8AD7891}"/>
                </a:ext>
              </a:extLst>
            </p:cNvPr>
            <p:cNvSpPr>
              <a:spLocks/>
            </p:cNvSpPr>
            <p:nvPr/>
          </p:nvSpPr>
          <p:spPr bwMode="auto">
            <a:xfrm>
              <a:off x="7886355" y="3408241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4554A76D-DF4B-FB5D-43F3-1DCDEE53156F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06788" y="56196"/>
              <a:ext cx="285212" cy="1094774"/>
            </a:xfrm>
            <a:custGeom>
              <a:avLst/>
              <a:gdLst>
                <a:gd name="connsiteX0" fmla="*/ 285212 w 285212"/>
                <a:gd name="connsiteY0" fmla="*/ 0 h 1094774"/>
                <a:gd name="connsiteX1" fmla="*/ 285212 w 285212"/>
                <a:gd name="connsiteY1" fmla="*/ 1094774 h 1094774"/>
                <a:gd name="connsiteX2" fmla="*/ 262203 w 285212"/>
                <a:gd name="connsiteY2" fmla="*/ 1093008 h 1094774"/>
                <a:gd name="connsiteX3" fmla="*/ 1075 w 285212"/>
                <a:gd name="connsiteY3" fmla="*/ 631602 h 1094774"/>
                <a:gd name="connsiteX4" fmla="*/ 232319 w 285212"/>
                <a:gd name="connsiteY4" fmla="*/ 64476 h 109477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5212" h="1094774">
                  <a:moveTo>
                    <a:pt x="285212" y="0"/>
                  </a:moveTo>
                  <a:lnTo>
                    <a:pt x="285212" y="1094774"/>
                  </a:lnTo>
                  <a:lnTo>
                    <a:pt x="262203" y="1093008"/>
                  </a:lnTo>
                  <a:cubicBezTo>
                    <a:pt x="113995" y="1011998"/>
                    <a:pt x="-13040" y="839411"/>
                    <a:pt x="1075" y="631602"/>
                  </a:cubicBezTo>
                  <a:cubicBezTo>
                    <a:pt x="11661" y="483671"/>
                    <a:pt x="95690" y="250547"/>
                    <a:pt x="232319" y="6447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6" name="Freeform 24">
              <a:extLst>
                <a:ext uri="{FF2B5EF4-FFF2-40B4-BE49-F238E27FC236}">
                  <a16:creationId xmlns:a16="http://schemas.microsoft.com/office/drawing/2014/main" id="{E04086D5-8E23-8730-4AD4-71611668335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02663" y="633670"/>
              <a:ext cx="629403" cy="1022058"/>
            </a:xfrm>
            <a:custGeom>
              <a:avLst/>
              <a:gdLst>
                <a:gd name="T0" fmla="*/ 19 w 178"/>
                <a:gd name="T1" fmla="*/ 197 h 290"/>
                <a:gd name="T2" fmla="*/ 73 w 178"/>
                <a:gd name="T3" fmla="*/ 0 h 290"/>
                <a:gd name="T4" fmla="*/ 159 w 178"/>
                <a:gd name="T5" fmla="*/ 146 h 290"/>
                <a:gd name="T6" fmla="*/ 143 w 178"/>
                <a:gd name="T7" fmla="*/ 284 h 290"/>
                <a:gd name="T8" fmla="*/ 131 w 178"/>
                <a:gd name="T9" fmla="*/ 289 h 290"/>
                <a:gd name="T10" fmla="*/ 19 w 178"/>
                <a:gd name="T11" fmla="*/ 197 h 29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8" h="290">
                  <a:moveTo>
                    <a:pt x="19" y="197"/>
                  </a:moveTo>
                  <a:cubicBezTo>
                    <a:pt x="0" y="132"/>
                    <a:pt x="14" y="70"/>
                    <a:pt x="73" y="0"/>
                  </a:cubicBezTo>
                  <a:cubicBezTo>
                    <a:pt x="104" y="62"/>
                    <a:pt x="138" y="93"/>
                    <a:pt x="159" y="146"/>
                  </a:cubicBezTo>
                  <a:cubicBezTo>
                    <a:pt x="178" y="194"/>
                    <a:pt x="167" y="245"/>
                    <a:pt x="143" y="284"/>
                  </a:cubicBezTo>
                  <a:cubicBezTo>
                    <a:pt x="141" y="288"/>
                    <a:pt x="136" y="290"/>
                    <a:pt x="131" y="289"/>
                  </a:cubicBezTo>
                  <a:cubicBezTo>
                    <a:pt x="74" y="275"/>
                    <a:pt x="29" y="232"/>
                    <a:pt x="19" y="19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7" name="Freeform 25">
              <a:extLst>
                <a:ext uri="{FF2B5EF4-FFF2-40B4-BE49-F238E27FC236}">
                  <a16:creationId xmlns:a16="http://schemas.microsoft.com/office/drawing/2014/main" id="{EEF01020-57F2-5D4D-8807-7E2676641E52}"/>
                </a:ext>
              </a:extLst>
            </p:cNvPr>
            <p:cNvSpPr>
              <a:spLocks/>
            </p:cNvSpPr>
            <p:nvPr/>
          </p:nvSpPr>
          <p:spPr bwMode="auto">
            <a:xfrm>
              <a:off x="9070095" y="1687487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8" name="Freeform 26">
              <a:extLst>
                <a:ext uri="{FF2B5EF4-FFF2-40B4-BE49-F238E27FC236}">
                  <a16:creationId xmlns:a16="http://schemas.microsoft.com/office/drawing/2014/main" id="{DC75AC61-26F9-0C1F-AB96-2139DE6220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460902" y="977244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9" name="Freeform 27">
              <a:extLst>
                <a:ext uri="{FF2B5EF4-FFF2-40B4-BE49-F238E27FC236}">
                  <a16:creationId xmlns:a16="http://schemas.microsoft.com/office/drawing/2014/main" id="{C4B91423-2AA4-D359-33FB-CFA2174E5E0D}"/>
                </a:ext>
              </a:extLst>
            </p:cNvPr>
            <p:cNvSpPr>
              <a:spLocks/>
            </p:cNvSpPr>
            <p:nvPr/>
          </p:nvSpPr>
          <p:spPr bwMode="auto">
            <a:xfrm>
              <a:off x="9621545" y="1182233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11098F3A-017A-24C7-434C-B87142EBE9A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85653" y="0"/>
              <a:ext cx="440759" cy="530420"/>
            </a:xfrm>
            <a:custGeom>
              <a:avLst/>
              <a:gdLst>
                <a:gd name="connsiteX0" fmla="*/ 46019 w 440759"/>
                <a:gd name="connsiteY0" fmla="*/ 0 h 530420"/>
                <a:gd name="connsiteX1" fmla="*/ 389756 w 440759"/>
                <a:gd name="connsiteY1" fmla="*/ 0 h 530420"/>
                <a:gd name="connsiteX2" fmla="*/ 426016 w 440759"/>
                <a:gd name="connsiteY2" fmla="*/ 88693 h 530420"/>
                <a:gd name="connsiteX3" fmla="*/ 440406 w 440759"/>
                <a:gd name="connsiteY3" fmla="*/ 230109 h 530420"/>
                <a:gd name="connsiteX4" fmla="*/ 292198 w 440759"/>
                <a:gd name="connsiteY4" fmla="*/ 518549 h 530420"/>
                <a:gd name="connsiteX5" fmla="*/ 246325 w 440759"/>
                <a:gd name="connsiteY5" fmla="*/ 529101 h 530420"/>
                <a:gd name="connsiteX6" fmla="*/ 6369 w 440759"/>
                <a:gd name="connsiteY6" fmla="*/ 282873 h 530420"/>
                <a:gd name="connsiteX7" fmla="*/ 43421 w 440759"/>
                <a:gd name="connsiteY7" fmla="*/ 6305 h 5304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440759" h="530420">
                  <a:moveTo>
                    <a:pt x="46019" y="0"/>
                  </a:moveTo>
                  <a:lnTo>
                    <a:pt x="389756" y="0"/>
                  </a:lnTo>
                  <a:lnTo>
                    <a:pt x="426016" y="88693"/>
                  </a:lnTo>
                  <a:cubicBezTo>
                    <a:pt x="437319" y="133816"/>
                    <a:pt x="442171" y="180864"/>
                    <a:pt x="440406" y="230109"/>
                  </a:cubicBezTo>
                  <a:cubicBezTo>
                    <a:pt x="433349" y="353224"/>
                    <a:pt x="359245" y="451715"/>
                    <a:pt x="292198" y="518549"/>
                  </a:cubicBezTo>
                  <a:cubicBezTo>
                    <a:pt x="281612" y="529101"/>
                    <a:pt x="263968" y="532619"/>
                    <a:pt x="246325" y="529101"/>
                  </a:cubicBezTo>
                  <a:cubicBezTo>
                    <a:pt x="119289" y="490408"/>
                    <a:pt x="27541" y="398952"/>
                    <a:pt x="6369" y="282873"/>
                  </a:cubicBezTo>
                  <a:cubicBezTo>
                    <a:pt x="-11275" y="186140"/>
                    <a:pt x="9898" y="96442"/>
                    <a:pt x="43421" y="630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31" name="Freeform 29">
              <a:extLst>
                <a:ext uri="{FF2B5EF4-FFF2-40B4-BE49-F238E27FC236}">
                  <a16:creationId xmlns:a16="http://schemas.microsoft.com/office/drawing/2014/main" id="{DA2C6237-47EE-C21F-2896-F3871EA83AFC}"/>
                </a:ext>
              </a:extLst>
            </p:cNvPr>
            <p:cNvSpPr>
              <a:spLocks/>
            </p:cNvSpPr>
            <p:nvPr/>
          </p:nvSpPr>
          <p:spPr bwMode="auto">
            <a:xfrm>
              <a:off x="8149088" y="70672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D8019C3F-0941-AC2A-C521-3F17F530F76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40609" y="6174150"/>
              <a:ext cx="632536" cy="683850"/>
            </a:xfrm>
            <a:custGeom>
              <a:avLst/>
              <a:gdLst>
                <a:gd name="connsiteX0" fmla="*/ 540680 w 632536"/>
                <a:gd name="connsiteY0" fmla="*/ 0 h 683850"/>
                <a:gd name="connsiteX1" fmla="*/ 586595 w 632536"/>
                <a:gd name="connsiteY1" fmla="*/ 31781 h 683850"/>
                <a:gd name="connsiteX2" fmla="*/ 551276 w 632536"/>
                <a:gd name="connsiteY2" fmla="*/ 572046 h 683850"/>
                <a:gd name="connsiteX3" fmla="*/ 459438 w 632536"/>
                <a:gd name="connsiteY3" fmla="*/ 683850 h 683850"/>
                <a:gd name="connsiteX4" fmla="*/ 0 w 632536"/>
                <a:gd name="connsiteY4" fmla="*/ 683850 h 683850"/>
                <a:gd name="connsiteX5" fmla="*/ 10898 w 632536"/>
                <a:gd name="connsiteY5" fmla="*/ 616627 h 683850"/>
                <a:gd name="connsiteX6" fmla="*/ 123919 w 632536"/>
                <a:gd name="connsiteY6" fmla="*/ 275430 h 683850"/>
                <a:gd name="connsiteX7" fmla="*/ 540680 w 632536"/>
                <a:gd name="connsiteY7" fmla="*/ 0 h 6838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632536" h="683850">
                  <a:moveTo>
                    <a:pt x="540680" y="0"/>
                  </a:moveTo>
                  <a:cubicBezTo>
                    <a:pt x="561872" y="0"/>
                    <a:pt x="579531" y="10594"/>
                    <a:pt x="586595" y="31781"/>
                  </a:cubicBezTo>
                  <a:cubicBezTo>
                    <a:pt x="639573" y="183620"/>
                    <a:pt x="667828" y="384895"/>
                    <a:pt x="551276" y="572046"/>
                  </a:cubicBezTo>
                  <a:lnTo>
                    <a:pt x="459438" y="683850"/>
                  </a:lnTo>
                  <a:lnTo>
                    <a:pt x="0" y="683850"/>
                  </a:lnTo>
                  <a:lnTo>
                    <a:pt x="10898" y="616627"/>
                  </a:lnTo>
                  <a:cubicBezTo>
                    <a:pt x="29441" y="504955"/>
                    <a:pt x="55047" y="391958"/>
                    <a:pt x="123919" y="275430"/>
                  </a:cubicBezTo>
                  <a:cubicBezTo>
                    <a:pt x="201620" y="141246"/>
                    <a:pt x="381746" y="3531"/>
                    <a:pt x="540680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75BCDA8E-0903-DF65-3E80-740D60E51F4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222231" y="5928478"/>
              <a:ext cx="494605" cy="929522"/>
            </a:xfrm>
            <a:custGeom>
              <a:avLst/>
              <a:gdLst>
                <a:gd name="connsiteX0" fmla="*/ 339565 w 494605"/>
                <a:gd name="connsiteY0" fmla="*/ 898 h 929522"/>
                <a:gd name="connsiteX1" fmla="*/ 388684 w 494605"/>
                <a:gd name="connsiteY1" fmla="*/ 18509 h 929522"/>
                <a:gd name="connsiteX2" fmla="*/ 476395 w 494605"/>
                <a:gd name="connsiteY2" fmla="*/ 532772 h 929522"/>
                <a:gd name="connsiteX3" fmla="*/ 294339 w 494605"/>
                <a:gd name="connsiteY3" fmla="*/ 908727 h 929522"/>
                <a:gd name="connsiteX4" fmla="*/ 277903 w 494605"/>
                <a:gd name="connsiteY4" fmla="*/ 929522 h 929522"/>
                <a:gd name="connsiteX5" fmla="*/ 100284 w 494605"/>
                <a:gd name="connsiteY5" fmla="*/ 929522 h 929522"/>
                <a:gd name="connsiteX6" fmla="*/ 80487 w 494605"/>
                <a:gd name="connsiteY6" fmla="*/ 890400 h 929522"/>
                <a:gd name="connsiteX7" fmla="*/ 20295 w 494605"/>
                <a:gd name="connsiteY7" fmla="*/ 342565 h 929522"/>
                <a:gd name="connsiteX8" fmla="*/ 339565 w 494605"/>
                <a:gd name="connsiteY8" fmla="*/ 898 h 9295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94605" h="929522">
                  <a:moveTo>
                    <a:pt x="339565" y="898"/>
                  </a:moveTo>
                  <a:cubicBezTo>
                    <a:pt x="357108" y="-2625"/>
                    <a:pt x="374650" y="4420"/>
                    <a:pt x="388684" y="18509"/>
                  </a:cubicBezTo>
                  <a:cubicBezTo>
                    <a:pt x="486921" y="138269"/>
                    <a:pt x="518497" y="349610"/>
                    <a:pt x="476395" y="532772"/>
                  </a:cubicBezTo>
                  <a:cubicBezTo>
                    <a:pt x="444819" y="667502"/>
                    <a:pt x="395481" y="774493"/>
                    <a:pt x="294339" y="908727"/>
                  </a:cubicBezTo>
                  <a:lnTo>
                    <a:pt x="277903" y="929522"/>
                  </a:lnTo>
                  <a:lnTo>
                    <a:pt x="100284" y="929522"/>
                  </a:lnTo>
                  <a:lnTo>
                    <a:pt x="80487" y="890400"/>
                  </a:lnTo>
                  <a:cubicBezTo>
                    <a:pt x="3191" y="715714"/>
                    <a:pt x="-21806" y="514280"/>
                    <a:pt x="20295" y="342565"/>
                  </a:cubicBezTo>
                  <a:cubicBezTo>
                    <a:pt x="62397" y="169970"/>
                    <a:pt x="192210" y="36121"/>
                    <a:pt x="339565" y="89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0" name="Freeform 36">
              <a:extLst>
                <a:ext uri="{FF2B5EF4-FFF2-40B4-BE49-F238E27FC236}">
                  <a16:creationId xmlns:a16="http://schemas.microsoft.com/office/drawing/2014/main" id="{2864DB57-8E53-0EF6-65A4-4D1A51A9D9D6}"/>
                </a:ext>
              </a:extLst>
            </p:cNvPr>
            <p:cNvSpPr>
              <a:spLocks/>
            </p:cNvSpPr>
            <p:nvPr/>
          </p:nvSpPr>
          <p:spPr bwMode="auto">
            <a:xfrm>
              <a:off x="7453280" y="4115597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1" name="Freeform 37">
              <a:extLst>
                <a:ext uri="{FF2B5EF4-FFF2-40B4-BE49-F238E27FC236}">
                  <a16:creationId xmlns:a16="http://schemas.microsoft.com/office/drawing/2014/main" id="{A60E9F92-453F-8D55-39C2-4F5FD06A77B3}"/>
                </a:ext>
              </a:extLst>
            </p:cNvPr>
            <p:cNvSpPr>
              <a:spLocks/>
            </p:cNvSpPr>
            <p:nvPr/>
          </p:nvSpPr>
          <p:spPr bwMode="auto">
            <a:xfrm>
              <a:off x="9393458" y="5042379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2" name="Freeform 38">
              <a:extLst>
                <a:ext uri="{FF2B5EF4-FFF2-40B4-BE49-F238E27FC236}">
                  <a16:creationId xmlns:a16="http://schemas.microsoft.com/office/drawing/2014/main" id="{51E9B685-285E-CA9E-CB22-C52A8E731CDD}"/>
                </a:ext>
              </a:extLst>
            </p:cNvPr>
            <p:cNvSpPr>
              <a:spLocks/>
            </p:cNvSpPr>
            <p:nvPr/>
          </p:nvSpPr>
          <p:spPr bwMode="auto">
            <a:xfrm>
              <a:off x="7739110" y="1456514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59216B6D-19C2-3996-68DD-25E14281D1C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198315" y="0"/>
              <a:ext cx="380203" cy="79581"/>
            </a:xfrm>
            <a:custGeom>
              <a:avLst/>
              <a:gdLst>
                <a:gd name="connsiteX0" fmla="*/ 0 w 380203"/>
                <a:gd name="connsiteY0" fmla="*/ 0 h 79581"/>
                <a:gd name="connsiteX1" fmla="*/ 380203 w 380203"/>
                <a:gd name="connsiteY1" fmla="*/ 0 h 79581"/>
                <a:gd name="connsiteX2" fmla="*/ 350066 w 380203"/>
                <a:gd name="connsiteY2" fmla="*/ 57590 h 79581"/>
                <a:gd name="connsiteX3" fmla="*/ 293630 w 380203"/>
                <a:gd name="connsiteY3" fmla="*/ 78702 h 79581"/>
                <a:gd name="connsiteX4" fmla="*/ 7923 w 380203"/>
                <a:gd name="connsiteY4" fmla="*/ 4369 h 7958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80203" h="79581">
                  <a:moveTo>
                    <a:pt x="0" y="0"/>
                  </a:moveTo>
                  <a:lnTo>
                    <a:pt x="380203" y="0"/>
                  </a:lnTo>
                  <a:lnTo>
                    <a:pt x="350066" y="57590"/>
                  </a:lnTo>
                  <a:cubicBezTo>
                    <a:pt x="335957" y="75184"/>
                    <a:pt x="314793" y="82221"/>
                    <a:pt x="293630" y="78702"/>
                  </a:cubicBezTo>
                  <a:cubicBezTo>
                    <a:pt x="189576" y="59349"/>
                    <a:pt x="91695" y="42635"/>
                    <a:pt x="7923" y="436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A35B4067-8BDC-DFCC-3C98-F8261D6530C6}"/>
                </a:ext>
              </a:extLst>
            </p:cNvPr>
            <p:cNvSpPr>
              <a:spLocks/>
            </p:cNvSpPr>
            <p:nvPr/>
          </p:nvSpPr>
          <p:spPr bwMode="auto">
            <a:xfrm>
              <a:off x="9140703" y="6476385"/>
              <a:ext cx="477647" cy="381615"/>
            </a:xfrm>
            <a:custGeom>
              <a:avLst/>
              <a:gdLst>
                <a:gd name="connsiteX0" fmla="*/ 361307 w 477647"/>
                <a:gd name="connsiteY0" fmla="*/ 606 h 381615"/>
                <a:gd name="connsiteX1" fmla="*/ 440688 w 477647"/>
                <a:gd name="connsiteY1" fmla="*/ 2803 h 381615"/>
                <a:gd name="connsiteX2" fmla="*/ 472485 w 477647"/>
                <a:gd name="connsiteY2" fmla="*/ 34444 h 381615"/>
                <a:gd name="connsiteX3" fmla="*/ 387693 w 477647"/>
                <a:gd name="connsiteY3" fmla="*/ 326245 h 381615"/>
                <a:gd name="connsiteX4" fmla="*/ 303279 w 477647"/>
                <a:gd name="connsiteY4" fmla="*/ 381615 h 381615"/>
                <a:gd name="connsiteX5" fmla="*/ 0 w 477647"/>
                <a:gd name="connsiteY5" fmla="*/ 381615 h 381615"/>
                <a:gd name="connsiteX6" fmla="*/ 1108 w 477647"/>
                <a:gd name="connsiteY6" fmla="*/ 378815 h 381615"/>
                <a:gd name="connsiteX7" fmla="*/ 161582 w 477647"/>
                <a:gd name="connsiteY7" fmla="*/ 83664 h 381615"/>
                <a:gd name="connsiteX8" fmla="*/ 361307 w 477647"/>
                <a:gd name="connsiteY8" fmla="*/ 606 h 3816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77647" h="381615">
                  <a:moveTo>
                    <a:pt x="361307" y="606"/>
                  </a:moveTo>
                  <a:cubicBezTo>
                    <a:pt x="386810" y="-712"/>
                    <a:pt x="413308" y="167"/>
                    <a:pt x="440688" y="2803"/>
                  </a:cubicBezTo>
                  <a:cubicBezTo>
                    <a:pt x="458353" y="2803"/>
                    <a:pt x="472485" y="16866"/>
                    <a:pt x="472485" y="34444"/>
                  </a:cubicBezTo>
                  <a:cubicBezTo>
                    <a:pt x="483084" y="129367"/>
                    <a:pt x="486617" y="241869"/>
                    <a:pt x="387693" y="326245"/>
                  </a:cubicBezTo>
                  <a:lnTo>
                    <a:pt x="303279" y="381615"/>
                  </a:lnTo>
                  <a:lnTo>
                    <a:pt x="0" y="381615"/>
                  </a:lnTo>
                  <a:lnTo>
                    <a:pt x="1108" y="378815"/>
                  </a:lnTo>
                  <a:cubicBezTo>
                    <a:pt x="49631" y="255712"/>
                    <a:pt x="92689" y="154856"/>
                    <a:pt x="161582" y="83664"/>
                  </a:cubicBezTo>
                  <a:cubicBezTo>
                    <a:pt x="217227" y="28292"/>
                    <a:pt x="284795" y="4561"/>
                    <a:pt x="361307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0" name="Freeform 44">
              <a:extLst>
                <a:ext uri="{FF2B5EF4-FFF2-40B4-BE49-F238E27FC236}">
                  <a16:creationId xmlns:a16="http://schemas.microsoft.com/office/drawing/2014/main" id="{FE054E00-5781-115B-1CF1-09A970AB0C0C}"/>
                </a:ext>
              </a:extLst>
            </p:cNvPr>
            <p:cNvSpPr>
              <a:spLocks/>
            </p:cNvSpPr>
            <p:nvPr/>
          </p:nvSpPr>
          <p:spPr bwMode="auto">
            <a:xfrm>
              <a:off x="7057737" y="2683561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1" name="Freeform 45">
              <a:extLst>
                <a:ext uri="{FF2B5EF4-FFF2-40B4-BE49-F238E27FC236}">
                  <a16:creationId xmlns:a16="http://schemas.microsoft.com/office/drawing/2014/main" id="{BF8C8EB0-8786-911A-69BD-2B2934A86B83}"/>
                </a:ext>
              </a:extLst>
            </p:cNvPr>
            <p:cNvSpPr>
              <a:spLocks/>
            </p:cNvSpPr>
            <p:nvPr/>
          </p:nvSpPr>
          <p:spPr bwMode="auto">
            <a:xfrm>
              <a:off x="7395536" y="4955764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2" name="Freeform 46">
              <a:extLst>
                <a:ext uri="{FF2B5EF4-FFF2-40B4-BE49-F238E27FC236}">
                  <a16:creationId xmlns:a16="http://schemas.microsoft.com/office/drawing/2014/main" id="{7CA4FCD4-19E9-F404-DB0E-E71340713BBD}"/>
                </a:ext>
              </a:extLst>
            </p:cNvPr>
            <p:cNvSpPr>
              <a:spLocks/>
            </p:cNvSpPr>
            <p:nvPr/>
          </p:nvSpPr>
          <p:spPr bwMode="auto">
            <a:xfrm>
              <a:off x="7219419" y="2062820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3" name="Freeform 47">
              <a:extLst>
                <a:ext uri="{FF2B5EF4-FFF2-40B4-BE49-F238E27FC236}">
                  <a16:creationId xmlns:a16="http://schemas.microsoft.com/office/drawing/2014/main" id="{8D4AE83F-5F78-CCCC-565B-4BDEF4BEA9E8}"/>
                </a:ext>
              </a:extLst>
            </p:cNvPr>
            <p:cNvSpPr>
              <a:spLocks/>
            </p:cNvSpPr>
            <p:nvPr/>
          </p:nvSpPr>
          <p:spPr bwMode="auto">
            <a:xfrm>
              <a:off x="9191356" y="258338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5" name="Freeform 49">
              <a:extLst>
                <a:ext uri="{FF2B5EF4-FFF2-40B4-BE49-F238E27FC236}">
                  <a16:creationId xmlns:a16="http://schemas.microsoft.com/office/drawing/2014/main" id="{835A1DD0-DB46-3945-82CF-5105EF8C27DB}"/>
                </a:ext>
              </a:extLst>
            </p:cNvPr>
            <p:cNvSpPr>
              <a:spLocks/>
            </p:cNvSpPr>
            <p:nvPr/>
          </p:nvSpPr>
          <p:spPr bwMode="auto">
            <a:xfrm>
              <a:off x="7796853" y="2596946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A31EE870-5954-8DA9-57FB-A144BB767E45}"/>
                </a:ext>
              </a:extLst>
            </p:cNvPr>
            <p:cNvSpPr>
              <a:spLocks/>
            </p:cNvSpPr>
            <p:nvPr/>
          </p:nvSpPr>
          <p:spPr bwMode="auto">
            <a:xfrm>
              <a:off x="9411698" y="0"/>
              <a:ext cx="490556" cy="255065"/>
            </a:xfrm>
            <a:custGeom>
              <a:avLst/>
              <a:gdLst>
                <a:gd name="connsiteX0" fmla="*/ 0 w 490556"/>
                <a:gd name="connsiteY0" fmla="*/ 0 h 255065"/>
                <a:gd name="connsiteX1" fmla="*/ 462198 w 490556"/>
                <a:gd name="connsiteY1" fmla="*/ 0 h 255065"/>
                <a:gd name="connsiteX2" fmla="*/ 482076 w 490556"/>
                <a:gd name="connsiteY2" fmla="*/ 44519 h 255065"/>
                <a:gd name="connsiteX3" fmla="*/ 483837 w 490556"/>
                <a:gd name="connsiteY3" fmla="*/ 219414 h 255065"/>
                <a:gd name="connsiteX4" fmla="*/ 452133 w 490556"/>
                <a:gd name="connsiteY4" fmla="*/ 251053 h 255065"/>
                <a:gd name="connsiteX5" fmla="*/ 25885 w 490556"/>
                <a:gd name="connsiteY5" fmla="*/ 54187 h 255065"/>
                <a:gd name="connsiteX6" fmla="*/ 1054 w 490556"/>
                <a:gd name="connsiteY6" fmla="*/ 3116 h 2550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0556" h="255065">
                  <a:moveTo>
                    <a:pt x="0" y="0"/>
                  </a:moveTo>
                  <a:lnTo>
                    <a:pt x="462198" y="0"/>
                  </a:lnTo>
                  <a:lnTo>
                    <a:pt x="482076" y="44519"/>
                  </a:lnTo>
                  <a:cubicBezTo>
                    <a:pt x="493525" y="102524"/>
                    <a:pt x="492644" y="161408"/>
                    <a:pt x="483837" y="219414"/>
                  </a:cubicBezTo>
                  <a:cubicBezTo>
                    <a:pt x="483837" y="236991"/>
                    <a:pt x="469747" y="247537"/>
                    <a:pt x="452133" y="251053"/>
                  </a:cubicBezTo>
                  <a:cubicBezTo>
                    <a:pt x="286566" y="275661"/>
                    <a:pt x="103385" y="184259"/>
                    <a:pt x="25885" y="54187"/>
                  </a:cubicBezTo>
                  <a:cubicBezTo>
                    <a:pt x="16638" y="38367"/>
                    <a:pt x="8382" y="21229"/>
                    <a:pt x="1054" y="311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FC8AB1CF-D8B6-D0B3-0856-B8A0F688F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8498012" y="6604048"/>
              <a:ext cx="484591" cy="253953"/>
            </a:xfrm>
            <a:custGeom>
              <a:avLst/>
              <a:gdLst>
                <a:gd name="connsiteX0" fmla="*/ 301011 w 484591"/>
                <a:gd name="connsiteY0" fmla="*/ 1718 h 253953"/>
                <a:gd name="connsiteX1" fmla="*/ 456276 w 484591"/>
                <a:gd name="connsiteY1" fmla="*/ 21106 h 253953"/>
                <a:gd name="connsiteX2" fmla="*/ 480978 w 484591"/>
                <a:gd name="connsiteY2" fmla="*/ 52831 h 253953"/>
                <a:gd name="connsiteX3" fmla="*/ 476898 w 484591"/>
                <a:gd name="connsiteY3" fmla="*/ 176427 h 253953"/>
                <a:gd name="connsiteX4" fmla="*/ 447187 w 484591"/>
                <a:gd name="connsiteY4" fmla="*/ 253953 h 253953"/>
                <a:gd name="connsiteX5" fmla="*/ 0 w 484591"/>
                <a:gd name="connsiteY5" fmla="*/ 253953 h 253953"/>
                <a:gd name="connsiteX6" fmla="*/ 27208 w 484591"/>
                <a:gd name="connsiteY6" fmla="*/ 201722 h 253953"/>
                <a:gd name="connsiteX7" fmla="*/ 145745 w 484591"/>
                <a:gd name="connsiteY7" fmla="*/ 56356 h 253953"/>
                <a:gd name="connsiteX8" fmla="*/ 301011 w 484591"/>
                <a:gd name="connsiteY8" fmla="*/ 1718 h 2539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84591" h="253953">
                  <a:moveTo>
                    <a:pt x="301011" y="1718"/>
                  </a:moveTo>
                  <a:cubicBezTo>
                    <a:pt x="352178" y="-3570"/>
                    <a:pt x="403345" y="3481"/>
                    <a:pt x="456276" y="21106"/>
                  </a:cubicBezTo>
                  <a:cubicBezTo>
                    <a:pt x="470391" y="28156"/>
                    <a:pt x="477449" y="38731"/>
                    <a:pt x="480978" y="52831"/>
                  </a:cubicBezTo>
                  <a:cubicBezTo>
                    <a:pt x="487153" y="96013"/>
                    <a:pt x="485168" y="137432"/>
                    <a:pt x="476898" y="176427"/>
                  </a:cubicBezTo>
                  <a:lnTo>
                    <a:pt x="447187" y="253953"/>
                  </a:lnTo>
                  <a:lnTo>
                    <a:pt x="0" y="253953"/>
                  </a:lnTo>
                  <a:lnTo>
                    <a:pt x="27208" y="201722"/>
                  </a:lnTo>
                  <a:cubicBezTo>
                    <a:pt x="63867" y="136165"/>
                    <a:pt x="102077" y="84116"/>
                    <a:pt x="145745" y="56356"/>
                  </a:cubicBezTo>
                  <a:cubicBezTo>
                    <a:pt x="198677" y="24631"/>
                    <a:pt x="249844" y="7005"/>
                    <a:pt x="301011" y="171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8C7E4295-C5DF-7B8C-F623-092CCAACB838}"/>
                </a:ext>
              </a:extLst>
            </p:cNvPr>
            <p:cNvSpPr>
              <a:spLocks/>
            </p:cNvSpPr>
            <p:nvPr/>
          </p:nvSpPr>
          <p:spPr bwMode="auto">
            <a:xfrm>
              <a:off x="7278285" y="0"/>
              <a:ext cx="763729" cy="645716"/>
            </a:xfrm>
            <a:custGeom>
              <a:avLst/>
              <a:gdLst>
                <a:gd name="connsiteX0" fmla="*/ 0 w 763729"/>
                <a:gd name="connsiteY0" fmla="*/ 0 h 645716"/>
                <a:gd name="connsiteX1" fmla="*/ 185294 w 763729"/>
                <a:gd name="connsiteY1" fmla="*/ 0 h 645716"/>
                <a:gd name="connsiteX2" fmla="*/ 355055 w 763729"/>
                <a:gd name="connsiteY2" fmla="*/ 58725 h 645716"/>
                <a:gd name="connsiteX3" fmla="*/ 656721 w 763729"/>
                <a:gd name="connsiteY3" fmla="*/ 212533 h 645716"/>
                <a:gd name="connsiteX4" fmla="*/ 744799 w 763729"/>
                <a:gd name="connsiteY4" fmla="*/ 600357 h 645716"/>
                <a:gd name="connsiteX5" fmla="*/ 698998 w 763729"/>
                <a:gd name="connsiteY5" fmla="*/ 639140 h 645716"/>
                <a:gd name="connsiteX6" fmla="*/ 297364 w 763729"/>
                <a:gd name="connsiteY6" fmla="*/ 550998 h 645716"/>
                <a:gd name="connsiteX7" fmla="*/ 13974 w 763729"/>
                <a:gd name="connsiteY7" fmla="*/ 84451 h 64571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763729" h="645716">
                  <a:moveTo>
                    <a:pt x="0" y="0"/>
                  </a:moveTo>
                  <a:lnTo>
                    <a:pt x="185294" y="0"/>
                  </a:lnTo>
                  <a:lnTo>
                    <a:pt x="355055" y="58725"/>
                  </a:lnTo>
                  <a:cubicBezTo>
                    <a:pt x="479685" y="103237"/>
                    <a:pt x="593305" y="150833"/>
                    <a:pt x="656721" y="212533"/>
                  </a:cubicBezTo>
                  <a:cubicBezTo>
                    <a:pt x="758891" y="307726"/>
                    <a:pt x="787076" y="469907"/>
                    <a:pt x="744799" y="600357"/>
                  </a:cubicBezTo>
                  <a:cubicBezTo>
                    <a:pt x="737753" y="621511"/>
                    <a:pt x="720137" y="635614"/>
                    <a:pt x="698998" y="639140"/>
                  </a:cubicBezTo>
                  <a:cubicBezTo>
                    <a:pt x="582736" y="656768"/>
                    <a:pt x="417150" y="642665"/>
                    <a:pt x="297364" y="550998"/>
                  </a:cubicBezTo>
                  <a:cubicBezTo>
                    <a:pt x="125612" y="418785"/>
                    <a:pt x="50967" y="248891"/>
                    <a:pt x="13974" y="8445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8" name="Freeform 61">
              <a:extLst>
                <a:ext uri="{FF2B5EF4-FFF2-40B4-BE49-F238E27FC236}">
                  <a16:creationId xmlns:a16="http://schemas.microsoft.com/office/drawing/2014/main" id="{5D173788-730B-26E3-F522-0EF2C87C732C}"/>
                </a:ext>
              </a:extLst>
            </p:cNvPr>
            <p:cNvSpPr>
              <a:spLocks/>
            </p:cNvSpPr>
            <p:nvPr/>
          </p:nvSpPr>
          <p:spPr bwMode="auto">
            <a:xfrm>
              <a:off x="8521533" y="3875962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9" name="Freeform 62">
              <a:extLst>
                <a:ext uri="{FF2B5EF4-FFF2-40B4-BE49-F238E27FC236}">
                  <a16:creationId xmlns:a16="http://schemas.microsoft.com/office/drawing/2014/main" id="{2E91ED03-981B-F4C4-AC04-5F4B46CEE9A5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7761" y="2689335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0" name="Freeform 63">
              <a:extLst>
                <a:ext uri="{FF2B5EF4-FFF2-40B4-BE49-F238E27FC236}">
                  <a16:creationId xmlns:a16="http://schemas.microsoft.com/office/drawing/2014/main" id="{A8B0A40F-01EB-7132-7907-C38E509DC66E}"/>
                </a:ext>
              </a:extLst>
            </p:cNvPr>
            <p:cNvSpPr>
              <a:spLocks/>
            </p:cNvSpPr>
            <p:nvPr/>
          </p:nvSpPr>
          <p:spPr bwMode="auto">
            <a:xfrm>
              <a:off x="6558257" y="3174380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1" name="Freeform 64">
              <a:extLst>
                <a:ext uri="{FF2B5EF4-FFF2-40B4-BE49-F238E27FC236}">
                  <a16:creationId xmlns:a16="http://schemas.microsoft.com/office/drawing/2014/main" id="{8C8D3910-75DA-88C0-78C6-5234CA68A2D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937" y="1361237"/>
              <a:ext cx="958541" cy="1062479"/>
            </a:xfrm>
            <a:custGeom>
              <a:avLst/>
              <a:gdLst>
                <a:gd name="T0" fmla="*/ 63 w 272"/>
                <a:gd name="T1" fmla="*/ 231 h 302"/>
                <a:gd name="T2" fmla="*/ 5 w 272"/>
                <a:gd name="T3" fmla="*/ 0 h 302"/>
                <a:gd name="T4" fmla="*/ 212 w 272"/>
                <a:gd name="T5" fmla="*/ 122 h 302"/>
                <a:gd name="T6" fmla="*/ 262 w 272"/>
                <a:gd name="T7" fmla="*/ 285 h 302"/>
                <a:gd name="T8" fmla="*/ 242 w 272"/>
                <a:gd name="T9" fmla="*/ 302 h 302"/>
                <a:gd name="T10" fmla="*/ 63 w 272"/>
                <a:gd name="T11" fmla="*/ 231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2" h="302">
                  <a:moveTo>
                    <a:pt x="63" y="231"/>
                  </a:moveTo>
                  <a:cubicBezTo>
                    <a:pt x="14" y="176"/>
                    <a:pt x="0" y="101"/>
                    <a:pt x="5" y="0"/>
                  </a:cubicBezTo>
                  <a:cubicBezTo>
                    <a:pt x="79" y="68"/>
                    <a:pt x="155" y="66"/>
                    <a:pt x="212" y="122"/>
                  </a:cubicBezTo>
                  <a:cubicBezTo>
                    <a:pt x="251" y="160"/>
                    <a:pt x="272" y="224"/>
                    <a:pt x="262" y="285"/>
                  </a:cubicBezTo>
                  <a:cubicBezTo>
                    <a:pt x="260" y="294"/>
                    <a:pt x="252" y="302"/>
                    <a:pt x="242" y="302"/>
                  </a:cubicBezTo>
                  <a:cubicBezTo>
                    <a:pt x="179" y="302"/>
                    <a:pt x="113" y="288"/>
                    <a:pt x="63" y="23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2" name="Freeform 65">
              <a:extLst>
                <a:ext uri="{FF2B5EF4-FFF2-40B4-BE49-F238E27FC236}">
                  <a16:creationId xmlns:a16="http://schemas.microsoft.com/office/drawing/2014/main" id="{8F0ADBA5-BED2-B1DE-29C0-E235C4EF7BD3}"/>
                </a:ext>
              </a:extLst>
            </p:cNvPr>
            <p:cNvSpPr>
              <a:spLocks/>
            </p:cNvSpPr>
            <p:nvPr/>
          </p:nvSpPr>
          <p:spPr bwMode="auto">
            <a:xfrm>
              <a:off x="8290559" y="4886472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 66">
              <a:extLst>
                <a:ext uri="{FF2B5EF4-FFF2-40B4-BE49-F238E27FC236}">
                  <a16:creationId xmlns:a16="http://schemas.microsoft.com/office/drawing/2014/main" id="{923D81A2-8230-F303-D003-74DAB0C8E4D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175881" y="4698806"/>
              <a:ext cx="886361" cy="747777"/>
            </a:xfrm>
            <a:custGeom>
              <a:avLst/>
              <a:gdLst>
                <a:gd name="T0" fmla="*/ 187 w 251"/>
                <a:gd name="T1" fmla="*/ 162 h 212"/>
                <a:gd name="T2" fmla="*/ 0 w 251"/>
                <a:gd name="T3" fmla="*/ 191 h 212"/>
                <a:gd name="T4" fmla="*/ 106 w 251"/>
                <a:gd name="T5" fmla="*/ 37 h 212"/>
                <a:gd name="T6" fmla="*/ 233 w 251"/>
                <a:gd name="T7" fmla="*/ 13 h 212"/>
                <a:gd name="T8" fmla="*/ 247 w 251"/>
                <a:gd name="T9" fmla="*/ 28 h 212"/>
                <a:gd name="T10" fmla="*/ 187 w 251"/>
                <a:gd name="T11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1" h="212">
                  <a:moveTo>
                    <a:pt x="187" y="162"/>
                  </a:moveTo>
                  <a:cubicBezTo>
                    <a:pt x="144" y="196"/>
                    <a:pt x="76" y="212"/>
                    <a:pt x="0" y="191"/>
                  </a:cubicBezTo>
                  <a:cubicBezTo>
                    <a:pt x="43" y="132"/>
                    <a:pt x="67" y="67"/>
                    <a:pt x="106" y="37"/>
                  </a:cubicBezTo>
                  <a:cubicBezTo>
                    <a:pt x="148" y="4"/>
                    <a:pt x="187" y="0"/>
                    <a:pt x="233" y="13"/>
                  </a:cubicBezTo>
                  <a:cubicBezTo>
                    <a:pt x="240" y="15"/>
                    <a:pt x="246" y="21"/>
                    <a:pt x="247" y="28"/>
                  </a:cubicBezTo>
                  <a:cubicBezTo>
                    <a:pt x="251" y="71"/>
                    <a:pt x="230" y="128"/>
                    <a:pt x="187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67">
              <a:extLst>
                <a:ext uri="{FF2B5EF4-FFF2-40B4-BE49-F238E27FC236}">
                  <a16:creationId xmlns:a16="http://schemas.microsoft.com/office/drawing/2014/main" id="{03560F7C-2E3E-39B9-094A-DFAE8E18BEAB}"/>
                </a:ext>
              </a:extLst>
            </p:cNvPr>
            <p:cNvSpPr>
              <a:spLocks/>
            </p:cNvSpPr>
            <p:nvPr/>
          </p:nvSpPr>
          <p:spPr bwMode="auto">
            <a:xfrm>
              <a:off x="9194243" y="4210874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3702B85C-E98E-D7B5-7745-48B1EF00DF5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826605" y="5322345"/>
              <a:ext cx="365395" cy="1437900"/>
            </a:xfrm>
            <a:custGeom>
              <a:avLst/>
              <a:gdLst>
                <a:gd name="connsiteX0" fmla="*/ 364532 w 365395"/>
                <a:gd name="connsiteY0" fmla="*/ 37 h 1437900"/>
                <a:gd name="connsiteX1" fmla="*/ 365395 w 365395"/>
                <a:gd name="connsiteY1" fmla="*/ 347 h 1437900"/>
                <a:gd name="connsiteX2" fmla="*/ 365395 w 365395"/>
                <a:gd name="connsiteY2" fmla="*/ 1221898 h 1437900"/>
                <a:gd name="connsiteX3" fmla="*/ 313152 w 365395"/>
                <a:gd name="connsiteY3" fmla="*/ 1283144 h 1437900"/>
                <a:gd name="connsiteX4" fmla="*/ 125679 w 365395"/>
                <a:gd name="connsiteY4" fmla="*/ 1437900 h 1437900"/>
                <a:gd name="connsiteX5" fmla="*/ 9122 w 365395"/>
                <a:gd name="connsiteY5" fmla="*/ 606959 h 1437900"/>
                <a:gd name="connsiteX6" fmla="*/ 334068 w 365395"/>
                <a:gd name="connsiteY6" fmla="*/ 11920 h 1437900"/>
                <a:gd name="connsiteX7" fmla="*/ 364532 w 365395"/>
                <a:gd name="connsiteY7" fmla="*/ 37 h 14379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65395" h="1437900">
                  <a:moveTo>
                    <a:pt x="364532" y="37"/>
                  </a:moveTo>
                  <a:lnTo>
                    <a:pt x="365395" y="347"/>
                  </a:lnTo>
                  <a:lnTo>
                    <a:pt x="365395" y="1221898"/>
                  </a:lnTo>
                  <a:lnTo>
                    <a:pt x="313152" y="1283144"/>
                  </a:lnTo>
                  <a:cubicBezTo>
                    <a:pt x="257247" y="1341955"/>
                    <a:pt x="194554" y="1394769"/>
                    <a:pt x="125679" y="1437900"/>
                  </a:cubicBezTo>
                  <a:cubicBezTo>
                    <a:pt x="104487" y="1117495"/>
                    <a:pt x="-36794" y="895676"/>
                    <a:pt x="9122" y="606959"/>
                  </a:cubicBezTo>
                  <a:cubicBezTo>
                    <a:pt x="44442" y="364014"/>
                    <a:pt x="178659" y="124590"/>
                    <a:pt x="334068" y="11920"/>
                  </a:cubicBezTo>
                  <a:cubicBezTo>
                    <a:pt x="342898" y="3118"/>
                    <a:pt x="353494" y="-403"/>
                    <a:pt x="364532" y="3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6" name="Freeform 69">
              <a:extLst>
                <a:ext uri="{FF2B5EF4-FFF2-40B4-BE49-F238E27FC236}">
                  <a16:creationId xmlns:a16="http://schemas.microsoft.com/office/drawing/2014/main" id="{E7C4E7AA-FD08-BAF3-E06D-CB79D58EAD95}"/>
                </a:ext>
              </a:extLst>
            </p:cNvPr>
            <p:cNvSpPr>
              <a:spLocks/>
            </p:cNvSpPr>
            <p:nvPr/>
          </p:nvSpPr>
          <p:spPr bwMode="auto">
            <a:xfrm>
              <a:off x="9609996" y="3330287"/>
              <a:ext cx="1316550" cy="727567"/>
            </a:xfrm>
            <a:custGeom>
              <a:avLst/>
              <a:gdLst>
                <a:gd name="T0" fmla="*/ 219 w 374"/>
                <a:gd name="T1" fmla="*/ 198 h 207"/>
                <a:gd name="T2" fmla="*/ 0 w 374"/>
                <a:gd name="T3" fmla="*/ 109 h 207"/>
                <a:gd name="T4" fmla="*/ 202 w 374"/>
                <a:gd name="T5" fmla="*/ 8 h 207"/>
                <a:gd name="T6" fmla="*/ 366 w 374"/>
                <a:gd name="T7" fmla="*/ 70 h 207"/>
                <a:gd name="T8" fmla="*/ 370 w 374"/>
                <a:gd name="T9" fmla="*/ 92 h 207"/>
                <a:gd name="T10" fmla="*/ 219 w 374"/>
                <a:gd name="T11" fmla="*/ 198 h 2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74" h="207">
                  <a:moveTo>
                    <a:pt x="219" y="198"/>
                  </a:moveTo>
                  <a:cubicBezTo>
                    <a:pt x="151" y="207"/>
                    <a:pt x="68" y="180"/>
                    <a:pt x="0" y="109"/>
                  </a:cubicBezTo>
                  <a:cubicBezTo>
                    <a:pt x="73" y="71"/>
                    <a:pt x="122" y="18"/>
                    <a:pt x="202" y="8"/>
                  </a:cubicBezTo>
                  <a:cubicBezTo>
                    <a:pt x="268" y="0"/>
                    <a:pt x="330" y="31"/>
                    <a:pt x="366" y="70"/>
                  </a:cubicBezTo>
                  <a:cubicBezTo>
                    <a:pt x="372" y="76"/>
                    <a:pt x="374" y="84"/>
                    <a:pt x="370" y="92"/>
                  </a:cubicBezTo>
                  <a:cubicBezTo>
                    <a:pt x="348" y="141"/>
                    <a:pt x="288" y="190"/>
                    <a:pt x="219" y="19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7" name="Freeform 70">
              <a:extLst>
                <a:ext uri="{FF2B5EF4-FFF2-40B4-BE49-F238E27FC236}">
                  <a16:creationId xmlns:a16="http://schemas.microsoft.com/office/drawing/2014/main" id="{15FE4254-2B79-B418-D85D-A8DD47343ED6}"/>
                </a:ext>
              </a:extLst>
            </p:cNvPr>
            <p:cNvSpPr>
              <a:spLocks/>
            </p:cNvSpPr>
            <p:nvPr/>
          </p:nvSpPr>
          <p:spPr bwMode="auto">
            <a:xfrm>
              <a:off x="8535969" y="5746848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 71">
              <a:extLst>
                <a:ext uri="{FF2B5EF4-FFF2-40B4-BE49-F238E27FC236}">
                  <a16:creationId xmlns:a16="http://schemas.microsoft.com/office/drawing/2014/main" id="{899C20AA-4E43-4A8C-F988-1E1ED238FE01}"/>
                </a:ext>
              </a:extLst>
            </p:cNvPr>
            <p:cNvSpPr>
              <a:spLocks/>
            </p:cNvSpPr>
            <p:nvPr/>
          </p:nvSpPr>
          <p:spPr bwMode="auto">
            <a:xfrm>
              <a:off x="7548556" y="881967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5" name="Dynamic legal" descr="{&quot;templafy&quot;:{&quot;id&quot;:&quot;f028ca04-7f80-43c2-8088-d0a8fc08d0f5&quot;}}">
            <a:extLst>
              <a:ext uri="{FF2B5EF4-FFF2-40B4-BE49-F238E27FC236}">
                <a16:creationId xmlns:a16="http://schemas.microsoft.com/office/drawing/2014/main" id="{4E6F3055-D03B-FCF0-B2FB-D2332CA98A7C}"/>
              </a:ext>
            </a:extLst>
          </p:cNvPr>
          <p:cNvSpPr txBox="1"/>
          <p:nvPr userDrawn="1"/>
        </p:nvSpPr>
        <p:spPr>
          <a:xfrm>
            <a:off x="-1191" y="6678000"/>
            <a:ext cx="8891186" cy="188294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© 2024 Cigna Healthcare</a:t>
            </a:r>
          </a:p>
        </p:txBody>
      </p:sp>
      <p:sp>
        <p:nvSpPr>
          <p:cNvPr id="20" name="Dynmic Internal use only" descr="{&quot;templafy&quot;:{&quot;id&quot;:&quot;b1b88b1d-5f28-45d2-b148-43618a1a20b2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15DBACD7-E492-5845-35EF-5BDAB4558120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AE4657E-921F-C9EA-1197-A53CCFB295C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1360801"/>
            <a:ext cx="4369868" cy="3553199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4369868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D9BD32B-968C-E244-F68C-4B7CB432FB4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6">
            <a:extLst>
              <a:ext uri="{FF2B5EF4-FFF2-40B4-BE49-F238E27FC236}">
                <a16:creationId xmlns:a16="http://schemas.microsoft.com/office/drawing/2014/main" id="{CA792341-6222-D67E-268A-9549DA4AFCF0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81079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 color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3568536-CF09-24B7-65B3-FE5E7F6CA75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160560" y="-2047"/>
            <a:ext cx="1993526" cy="6856714"/>
          </a:xfrm>
          <a:prstGeom prst="rect">
            <a:avLst/>
          </a:prstGeom>
        </p:spPr>
      </p:pic>
      <p:sp>
        <p:nvSpPr>
          <p:cNvPr id="23" name="Graphic 18">
            <a:extLst>
              <a:ext uri="{FF2B5EF4-FFF2-40B4-BE49-F238E27FC236}">
                <a16:creationId xmlns:a16="http://schemas.microsoft.com/office/drawing/2014/main" id="{979F411F-DDC3-410A-39FF-E348CF087575}"/>
              </a:ext>
            </a:extLst>
          </p:cNvPr>
          <p:cNvSpPr/>
          <p:nvPr userDrawn="1"/>
        </p:nvSpPr>
        <p:spPr>
          <a:xfrm>
            <a:off x="300837" y="1625541"/>
            <a:ext cx="760140" cy="700818"/>
          </a:xfrm>
          <a:custGeom>
            <a:avLst/>
            <a:gdLst>
              <a:gd name="connsiteX0" fmla="*/ 5869858 w 6694659"/>
              <a:gd name="connsiteY0" fmla="*/ 2392532 h 4629150"/>
              <a:gd name="connsiteX1" fmla="*/ 6694437 w 6694659"/>
              <a:gd name="connsiteY1" fmla="*/ -53 h 4629150"/>
              <a:gd name="connsiteX2" fmla="*/ 3484512 w 6694659"/>
              <a:gd name="connsiteY2" fmla="*/ 181684 h 4629150"/>
              <a:gd name="connsiteX3" fmla="*/ 3484512 w 6694659"/>
              <a:gd name="connsiteY3" fmla="*/ 183303 h 4629150"/>
              <a:gd name="connsiteX4" fmla="*/ 969341 w 6694659"/>
              <a:gd name="connsiteY4" fmla="*/ 1277535 h 4629150"/>
              <a:gd name="connsiteX5" fmla="*/ 155429 w 6694659"/>
              <a:gd name="connsiteY5" fmla="*/ 4629097 h 4629150"/>
              <a:gd name="connsiteX6" fmla="*/ 5869858 w 6694659"/>
              <a:gd name="connsiteY6" fmla="*/ 2392532 h 46291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6694659" h="4629150">
                <a:moveTo>
                  <a:pt x="5869858" y="2392532"/>
                </a:moveTo>
                <a:cubicBezTo>
                  <a:pt x="6347728" y="1671299"/>
                  <a:pt x="6547276" y="904155"/>
                  <a:pt x="6694437" y="-53"/>
                </a:cubicBezTo>
                <a:cubicBezTo>
                  <a:pt x="5560962" y="147680"/>
                  <a:pt x="4554075" y="128820"/>
                  <a:pt x="3484512" y="181684"/>
                </a:cubicBezTo>
                <a:lnTo>
                  <a:pt x="3484512" y="183303"/>
                </a:lnTo>
                <a:cubicBezTo>
                  <a:pt x="2560587" y="214259"/>
                  <a:pt x="1649426" y="581448"/>
                  <a:pt x="969341" y="1277535"/>
                </a:cubicBezTo>
                <a:cubicBezTo>
                  <a:pt x="59608" y="2208890"/>
                  <a:pt x="-205568" y="3492955"/>
                  <a:pt x="155429" y="4629097"/>
                </a:cubicBezTo>
                <a:cubicBezTo>
                  <a:pt x="1796206" y="3608303"/>
                  <a:pt x="4711333" y="4223332"/>
                  <a:pt x="5869858" y="2392532"/>
                </a:cubicBezTo>
              </a:path>
            </a:pathLst>
          </a:custGeom>
          <a:solidFill>
            <a:srgbClr val="03CC54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350" dirty="0"/>
          </a:p>
        </p:txBody>
      </p:sp>
      <p:sp>
        <p:nvSpPr>
          <p:cNvPr id="8" name="Dynamic legal" descr="{&quot;templafy&quot;:{&quot;id&quot;:&quot;3a2f1d16-cd67-43bb-950e-6555b407853b&quot;}}">
            <a:extLst>
              <a:ext uri="{FF2B5EF4-FFF2-40B4-BE49-F238E27FC236}">
                <a16:creationId xmlns:a16="http://schemas.microsoft.com/office/drawing/2014/main" id="{A7DC0B67-F4C1-1DBC-D8E2-AAA49204E414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9" name="Dynmic Internal use only" descr="{&quot;templafy&quot;:{&quot;id&quot;:&quot;c065d4c3-fb3a-4e32-b149-00afb40f63d3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5E66A077-48D6-70D2-4B65-11BBA2DA87FB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AE4657E-921F-C9EA-1197-A53CCFB295C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25" name="Title 1">
            <a:extLst>
              <a:ext uri="{FF2B5EF4-FFF2-40B4-BE49-F238E27FC236}">
                <a16:creationId xmlns:a16="http://schemas.microsoft.com/office/drawing/2014/main" id="{87A3D42A-8BBF-DCC4-0104-0D87887DE58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2448000"/>
            <a:ext cx="5691600" cy="2088000"/>
          </a:xfrm>
          <a:noFill/>
        </p:spPr>
        <p:txBody>
          <a:bodyPr anchor="t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0125D5D-E8F4-2C32-460D-ACB0EF15761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4A37C4A-5620-40E8-B889-1CFCB1DECF1A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9">
            <a:extLst>
              <a:ext uri="{FF2B5EF4-FFF2-40B4-BE49-F238E27FC236}">
                <a16:creationId xmlns:a16="http://schemas.microsoft.com/office/drawing/2014/main" id="{49023237-4E89-B618-16DD-F5818553DAC8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E2B5036-9428-96DF-A9C3-4357A832A4FB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38301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3095">
          <p15:clr>
            <a:srgbClr val="A4A3A4"/>
          </p15:clr>
        </p15:guide>
        <p15:guide id="2" orient="horz" pos="1542">
          <p15:clr>
            <a:srgbClr val="A4A3A4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 color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FF4D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02F9877-6EE4-0776-F14A-09F55D8E3E6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125601" y="0"/>
            <a:ext cx="2019300" cy="6858000"/>
          </a:xfrm>
          <a:prstGeom prst="rect">
            <a:avLst/>
          </a:prstGeom>
        </p:spPr>
      </p:pic>
      <p:sp>
        <p:nvSpPr>
          <p:cNvPr id="7" name="Dynamic legal" descr="{&quot;templafy&quot;:{&quot;id&quot;:&quot;0cda8c92-c174-4ad1-92a1-14f501b38b80&quot;}}">
            <a:extLst>
              <a:ext uri="{FF2B5EF4-FFF2-40B4-BE49-F238E27FC236}">
                <a16:creationId xmlns:a16="http://schemas.microsoft.com/office/drawing/2014/main" id="{0391A703-0AA4-55BF-046E-BA4771355432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0" name="Dynmic Internal use only" descr="{&quot;templafy&quot;:{&quot;id&quot;:&quot;756deca0-1ebd-4d68-9060-376d2936040e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042F8332-EB13-71D7-4F6A-9B0E61E5714D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AE4657E-921F-C9EA-1197-A53CCFB295C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1360800"/>
            <a:ext cx="56916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4" name="Date Placeholder 1">
            <a:extLst>
              <a:ext uri="{FF2B5EF4-FFF2-40B4-BE49-F238E27FC236}">
                <a16:creationId xmlns:a16="http://schemas.microsoft.com/office/drawing/2014/main" id="{3B5491A0-9C48-D6B7-1E03-51949837D7D7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8E68F5F-701E-412F-A370-3BBA00A82738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FDAFAABD-CB2C-C851-DBE4-F6FA60644A1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6">
            <a:extLst>
              <a:ext uri="{FF2B5EF4-FFF2-40B4-BE49-F238E27FC236}">
                <a16:creationId xmlns:a16="http://schemas.microsoft.com/office/drawing/2014/main" id="{A0DCB8F1-DE42-A357-DD9D-5950CDBE1E0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211187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 white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1"/>
            <a:ext cx="9144900" cy="659876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AE4657E-921F-C9EA-1197-A53CCFB295C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1"/>
            <a:ext cx="1047599" cy="7586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725300" y="2448000"/>
            <a:ext cx="5691600" cy="2088000"/>
          </a:xfrm>
          <a:noFill/>
        </p:spPr>
        <p:txBody>
          <a:bodyPr anchor="t" anchorCtr="0"/>
          <a:lstStyle>
            <a:lvl1pPr algn="l">
              <a:lnSpc>
                <a:spcPct val="83000"/>
              </a:lnSpc>
              <a:defRPr sz="405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725300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accent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4" name="Graphic 18">
            <a:extLst>
              <a:ext uri="{FF2B5EF4-FFF2-40B4-BE49-F238E27FC236}">
                <a16:creationId xmlns:a16="http://schemas.microsoft.com/office/drawing/2014/main" id="{5449E367-4E1D-466C-C39E-92ED41058166}"/>
              </a:ext>
            </a:extLst>
          </p:cNvPr>
          <p:cNvSpPr/>
          <p:nvPr userDrawn="1"/>
        </p:nvSpPr>
        <p:spPr>
          <a:xfrm>
            <a:off x="1724025" y="1625541"/>
            <a:ext cx="760140" cy="700818"/>
          </a:xfrm>
          <a:custGeom>
            <a:avLst/>
            <a:gdLst>
              <a:gd name="connsiteX0" fmla="*/ 5869858 w 6694659"/>
              <a:gd name="connsiteY0" fmla="*/ 2392532 h 4629150"/>
              <a:gd name="connsiteX1" fmla="*/ 6694437 w 6694659"/>
              <a:gd name="connsiteY1" fmla="*/ -53 h 4629150"/>
              <a:gd name="connsiteX2" fmla="*/ 3484512 w 6694659"/>
              <a:gd name="connsiteY2" fmla="*/ 181684 h 4629150"/>
              <a:gd name="connsiteX3" fmla="*/ 3484512 w 6694659"/>
              <a:gd name="connsiteY3" fmla="*/ 183303 h 4629150"/>
              <a:gd name="connsiteX4" fmla="*/ 969341 w 6694659"/>
              <a:gd name="connsiteY4" fmla="*/ 1277535 h 4629150"/>
              <a:gd name="connsiteX5" fmla="*/ 155429 w 6694659"/>
              <a:gd name="connsiteY5" fmla="*/ 4629097 h 4629150"/>
              <a:gd name="connsiteX6" fmla="*/ 5869858 w 6694659"/>
              <a:gd name="connsiteY6" fmla="*/ 2392532 h 46291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6694659" h="4629150">
                <a:moveTo>
                  <a:pt x="5869858" y="2392532"/>
                </a:moveTo>
                <a:cubicBezTo>
                  <a:pt x="6347728" y="1671299"/>
                  <a:pt x="6547276" y="904155"/>
                  <a:pt x="6694437" y="-53"/>
                </a:cubicBezTo>
                <a:cubicBezTo>
                  <a:pt x="5560962" y="147680"/>
                  <a:pt x="4554075" y="128820"/>
                  <a:pt x="3484512" y="181684"/>
                </a:cubicBezTo>
                <a:lnTo>
                  <a:pt x="3484512" y="183303"/>
                </a:lnTo>
                <a:cubicBezTo>
                  <a:pt x="2560587" y="214259"/>
                  <a:pt x="1649426" y="581448"/>
                  <a:pt x="969341" y="1277535"/>
                </a:cubicBezTo>
                <a:cubicBezTo>
                  <a:pt x="59608" y="2208890"/>
                  <a:pt x="-205568" y="3492955"/>
                  <a:pt x="155429" y="4629097"/>
                </a:cubicBezTo>
                <a:cubicBezTo>
                  <a:pt x="1796206" y="3608303"/>
                  <a:pt x="4711333" y="4223332"/>
                  <a:pt x="5869858" y="2392532"/>
                </a:cubicBezTo>
              </a:path>
            </a:pathLst>
          </a:custGeom>
          <a:solidFill>
            <a:srgbClr val="03CC54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350" dirty="0">
              <a:solidFill>
                <a:schemeClr val="accent2"/>
              </a:solidFill>
            </a:endParaRP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6242D8C-3E19-1E08-0CED-A331D19093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0924764-41E8-0A44-4FDB-6636E9D10AA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7573596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542">
          <p15:clr>
            <a:srgbClr val="A4A3A4"/>
          </p15:clr>
        </p15:guide>
        <p15:guide id="2" orient="horz" pos="3095">
          <p15:clr>
            <a:srgbClr val="A4A3A4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Agend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9144900" cy="68616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8AB4888A-3EE4-C30C-D9BA-4754DF38E634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chemeClr val="accent1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6F8D78CB-AC00-C3C0-BBF6-9241240511A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4" name="Freeform 6">
              <a:extLst>
                <a:ext uri="{FF2B5EF4-FFF2-40B4-BE49-F238E27FC236}">
                  <a16:creationId xmlns:a16="http://schemas.microsoft.com/office/drawing/2014/main" id="{69BE21C6-54F8-6683-2161-104BE5950290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8">
              <a:extLst>
                <a:ext uri="{FF2B5EF4-FFF2-40B4-BE49-F238E27FC236}">
                  <a16:creationId xmlns:a16="http://schemas.microsoft.com/office/drawing/2014/main" id="{DF7E80A6-373A-42C4-B0AD-64B4E91D69BA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 9">
              <a:extLst>
                <a:ext uri="{FF2B5EF4-FFF2-40B4-BE49-F238E27FC236}">
                  <a16:creationId xmlns:a16="http://schemas.microsoft.com/office/drawing/2014/main" id="{11448B7B-FD8B-C82B-9E99-4BD678AD38D4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7" name="Freeform 10">
              <a:extLst>
                <a:ext uri="{FF2B5EF4-FFF2-40B4-BE49-F238E27FC236}">
                  <a16:creationId xmlns:a16="http://schemas.microsoft.com/office/drawing/2014/main" id="{C6955F5F-AFB4-EFBB-15A9-55B931B8DF5C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10B963E0-D55E-65E8-3AE2-D1AC06392C33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1F06EBC6-64EF-9E3E-573E-6C6F0FD89CD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0" name="Freeform 15">
              <a:extLst>
                <a:ext uri="{FF2B5EF4-FFF2-40B4-BE49-F238E27FC236}">
                  <a16:creationId xmlns:a16="http://schemas.microsoft.com/office/drawing/2014/main" id="{B99990E6-66A8-9CD1-3B1D-E93E7296E40D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1" name="Freeform 16">
              <a:extLst>
                <a:ext uri="{FF2B5EF4-FFF2-40B4-BE49-F238E27FC236}">
                  <a16:creationId xmlns:a16="http://schemas.microsoft.com/office/drawing/2014/main" id="{EF995E05-C549-EFAD-5085-1B39205ACBF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2" name="Freeform 17">
              <a:extLst>
                <a:ext uri="{FF2B5EF4-FFF2-40B4-BE49-F238E27FC236}">
                  <a16:creationId xmlns:a16="http://schemas.microsoft.com/office/drawing/2014/main" id="{46B86CA1-115B-BAB1-E251-AA002CF049F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05C9BC71-E3D5-D612-017A-83575E005884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4" name="Freeform 22">
              <a:extLst>
                <a:ext uri="{FF2B5EF4-FFF2-40B4-BE49-F238E27FC236}">
                  <a16:creationId xmlns:a16="http://schemas.microsoft.com/office/drawing/2014/main" id="{2469EA6C-EA63-2FA5-DECB-1B36A9C4E332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5" name="Freeform 25">
              <a:extLst>
                <a:ext uri="{FF2B5EF4-FFF2-40B4-BE49-F238E27FC236}">
                  <a16:creationId xmlns:a16="http://schemas.microsoft.com/office/drawing/2014/main" id="{9A7A12B0-5A54-08F0-8DE9-BA181D6101F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6" name="Freeform 26">
              <a:extLst>
                <a:ext uri="{FF2B5EF4-FFF2-40B4-BE49-F238E27FC236}">
                  <a16:creationId xmlns:a16="http://schemas.microsoft.com/office/drawing/2014/main" id="{0FB23003-5FC0-303F-AB61-047F4C07244C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7" name="Freeform 27">
              <a:extLst>
                <a:ext uri="{FF2B5EF4-FFF2-40B4-BE49-F238E27FC236}">
                  <a16:creationId xmlns:a16="http://schemas.microsoft.com/office/drawing/2014/main" id="{B50BF9A1-E34D-1391-6CFB-0517430E24D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 29">
              <a:extLst>
                <a:ext uri="{FF2B5EF4-FFF2-40B4-BE49-F238E27FC236}">
                  <a16:creationId xmlns:a16="http://schemas.microsoft.com/office/drawing/2014/main" id="{8EEB0B19-7711-ED80-0D37-8112052EE2E3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03B1BA04-352F-96D0-EFD6-0D7C7F769D21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0" name="Freeform 36">
              <a:extLst>
                <a:ext uri="{FF2B5EF4-FFF2-40B4-BE49-F238E27FC236}">
                  <a16:creationId xmlns:a16="http://schemas.microsoft.com/office/drawing/2014/main" id="{FF0817F4-42D5-1B8F-B2D4-A378467F66E0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1" name="Freeform 37">
              <a:extLst>
                <a:ext uri="{FF2B5EF4-FFF2-40B4-BE49-F238E27FC236}">
                  <a16:creationId xmlns:a16="http://schemas.microsoft.com/office/drawing/2014/main" id="{F7A3656B-E65B-CB05-79F6-80323694D9D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 38">
              <a:extLst>
                <a:ext uri="{FF2B5EF4-FFF2-40B4-BE49-F238E27FC236}">
                  <a16:creationId xmlns:a16="http://schemas.microsoft.com/office/drawing/2014/main" id="{6E8E5CEB-42EC-6BDB-6784-FF22B20FDB0C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39A2F59A-CED4-746C-C5DB-5A9E45B7B30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1010E54E-8563-1BEB-7196-E4FD474329A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5" name="Freeform 44">
              <a:extLst>
                <a:ext uri="{FF2B5EF4-FFF2-40B4-BE49-F238E27FC236}">
                  <a16:creationId xmlns:a16="http://schemas.microsoft.com/office/drawing/2014/main" id="{180358ED-D8E9-D8AE-66D5-E9BEF0CF05B5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6" name="Freeform 45">
              <a:extLst>
                <a:ext uri="{FF2B5EF4-FFF2-40B4-BE49-F238E27FC236}">
                  <a16:creationId xmlns:a16="http://schemas.microsoft.com/office/drawing/2014/main" id="{C37A81FA-1D89-24B9-EB3D-7FC079CE2EBB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 46">
              <a:extLst>
                <a:ext uri="{FF2B5EF4-FFF2-40B4-BE49-F238E27FC236}">
                  <a16:creationId xmlns:a16="http://schemas.microsoft.com/office/drawing/2014/main" id="{EC43ABE7-4E65-FC3A-5FED-96142EC1C9C1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8" name="Freeform 47">
              <a:extLst>
                <a:ext uri="{FF2B5EF4-FFF2-40B4-BE49-F238E27FC236}">
                  <a16:creationId xmlns:a16="http://schemas.microsoft.com/office/drawing/2014/main" id="{2B690DA8-1DA5-F318-1F5E-B0291DD02C3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42849AE6-D65F-045C-C2D7-9DC1EB5BB812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0" name="Freeform 49">
              <a:extLst>
                <a:ext uri="{FF2B5EF4-FFF2-40B4-BE49-F238E27FC236}">
                  <a16:creationId xmlns:a16="http://schemas.microsoft.com/office/drawing/2014/main" id="{E4DCF8F2-78F9-E096-6877-A14BB2C12FBB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7A713736-8189-A3AB-0DC8-3B9368EC20A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2" name="Freeform 58">
              <a:extLst>
                <a:ext uri="{FF2B5EF4-FFF2-40B4-BE49-F238E27FC236}">
                  <a16:creationId xmlns:a16="http://schemas.microsoft.com/office/drawing/2014/main" id="{D6F81934-D712-AA55-1DB7-AFB9F05AD9E6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3" name="Freeform 61">
              <a:extLst>
                <a:ext uri="{FF2B5EF4-FFF2-40B4-BE49-F238E27FC236}">
                  <a16:creationId xmlns:a16="http://schemas.microsoft.com/office/drawing/2014/main" id="{C4CA7C4D-DF22-4FBE-6F33-A240430044AA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4" name="Freeform 62">
              <a:extLst>
                <a:ext uri="{FF2B5EF4-FFF2-40B4-BE49-F238E27FC236}">
                  <a16:creationId xmlns:a16="http://schemas.microsoft.com/office/drawing/2014/main" id="{112469AE-D432-1C51-19B8-DD2A1156FA5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5" name="Freeform 63">
              <a:extLst>
                <a:ext uri="{FF2B5EF4-FFF2-40B4-BE49-F238E27FC236}">
                  <a16:creationId xmlns:a16="http://schemas.microsoft.com/office/drawing/2014/main" id="{DAFF8F1E-09F3-8612-80D5-6C41254F41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1C9504F2-7E7F-3207-E39C-265578980D5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7" name="Freeform 65">
              <a:extLst>
                <a:ext uri="{FF2B5EF4-FFF2-40B4-BE49-F238E27FC236}">
                  <a16:creationId xmlns:a16="http://schemas.microsoft.com/office/drawing/2014/main" id="{B877B475-5CE0-6E40-40DA-D8AEC6CB7C39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33921DA3-B844-9587-F5A7-3006ECE3E764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9" name="Freeform 67">
              <a:extLst>
                <a:ext uri="{FF2B5EF4-FFF2-40B4-BE49-F238E27FC236}">
                  <a16:creationId xmlns:a16="http://schemas.microsoft.com/office/drawing/2014/main" id="{5EEB990D-B707-9A0C-EB01-D13916C79F0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4E2A2A8-FB79-DF91-CF37-6FD21075E50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1" name="Freeform 70">
              <a:extLst>
                <a:ext uri="{FF2B5EF4-FFF2-40B4-BE49-F238E27FC236}">
                  <a16:creationId xmlns:a16="http://schemas.microsoft.com/office/drawing/2014/main" id="{4A9FBF67-B8A9-ECE0-8641-1C2718FE703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2" name="Freeform 71">
              <a:extLst>
                <a:ext uri="{FF2B5EF4-FFF2-40B4-BE49-F238E27FC236}">
                  <a16:creationId xmlns:a16="http://schemas.microsoft.com/office/drawing/2014/main" id="{CB6D07DB-5F66-D746-73BC-B55E1627EA56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2" name="Dynamic legal" descr="{&quot;templafy&quot;:{&quot;id&quot;:&quot;35b38d3d-06ab-4e02-99c7-e15bfbc83308&quot;}}">
            <a:extLst>
              <a:ext uri="{FF2B5EF4-FFF2-40B4-BE49-F238E27FC236}">
                <a16:creationId xmlns:a16="http://schemas.microsoft.com/office/drawing/2014/main" id="{1DF424BE-B459-F29C-BEB2-449D92EA93E2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8840c182-11ec-4cee-b9d5-527448f063c4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ABF9664C-BB4D-4C24-0D92-CFDB5B42E6C4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61" name="Logo">
            <a:extLst>
              <a:ext uri="{FF2B5EF4-FFF2-40B4-BE49-F238E27FC236}">
                <a16:creationId xmlns:a16="http://schemas.microsoft.com/office/drawing/2014/main" id="{D171A8D9-C2F0-F2E4-95F5-CC293B3A83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A9B1855-605E-201E-357F-9A2AEB2047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360000"/>
            <a:ext cx="2041200" cy="5572800"/>
          </a:xfrm>
        </p:spPr>
        <p:txBody>
          <a:bodyPr anchor="ctr" anchorCtr="0"/>
          <a:lstStyle>
            <a:lvl1pPr>
              <a:lnSpc>
                <a:spcPct val="83000"/>
              </a:lnSpc>
              <a:defRPr sz="27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Agenda</a:t>
            </a:r>
            <a:endParaRPr lang="en-US"/>
          </a:p>
        </p:txBody>
      </p:sp>
      <p:sp>
        <p:nvSpPr>
          <p:cNvPr id="62" name="Text Placeholder 2">
            <a:extLst>
              <a:ext uri="{FF2B5EF4-FFF2-40B4-BE49-F238E27FC236}">
                <a16:creationId xmlns:a16="http://schemas.microsoft.com/office/drawing/2014/main" id="{C91D10E3-3624-802C-5B1E-5D4C4A56A9F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450313" y="360000"/>
            <a:ext cx="306245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01</a:t>
            </a:r>
            <a:endParaRPr lang="en-US" dirty="0"/>
          </a:p>
          <a:p>
            <a:pPr lvl="1"/>
            <a:r>
              <a:rPr lang="en-US" noProof="0" dirty="0"/>
              <a:t>02</a:t>
            </a:r>
            <a:endParaRPr lang="en-US" dirty="0"/>
          </a:p>
          <a:p>
            <a:pPr lvl="2"/>
            <a:r>
              <a:rPr lang="en-US" noProof="0" dirty="0"/>
              <a:t>03</a:t>
            </a:r>
            <a:endParaRPr lang="en-US" dirty="0"/>
          </a:p>
          <a:p>
            <a:pPr lvl="3"/>
            <a:r>
              <a:rPr lang="en-US" noProof="0" dirty="0"/>
              <a:t>04</a:t>
            </a:r>
            <a:endParaRPr lang="en-US" dirty="0"/>
          </a:p>
          <a:p>
            <a:pPr lvl="4"/>
            <a:r>
              <a:rPr lang="en-US" noProof="0" dirty="0"/>
              <a:t>05</a:t>
            </a:r>
            <a:endParaRPr lang="en-US" dirty="0"/>
          </a:p>
          <a:p>
            <a:pPr lvl="5"/>
            <a:r>
              <a:rPr lang="en-US" noProof="0" dirty="0"/>
              <a:t>06</a:t>
            </a:r>
            <a:endParaRPr lang="en-US" dirty="0"/>
          </a:p>
          <a:p>
            <a:pPr lvl="6"/>
            <a:r>
              <a:rPr lang="en-US" noProof="0" dirty="0"/>
              <a:t>07</a:t>
            </a:r>
            <a:endParaRPr lang="en-US" dirty="0"/>
          </a:p>
          <a:p>
            <a:pPr lvl="7"/>
            <a:r>
              <a:rPr lang="en-US" noProof="0" dirty="0"/>
              <a:t>08</a:t>
            </a:r>
            <a:endParaRPr lang="en-US" dirty="0"/>
          </a:p>
          <a:p>
            <a:pPr lvl="8"/>
            <a:r>
              <a:rPr lang="en-US" noProof="0" dirty="0"/>
              <a:t>09</a:t>
            </a:r>
            <a:endParaRPr lang="en-US" dirty="0"/>
          </a:p>
        </p:txBody>
      </p:sp>
      <p:sp>
        <p:nvSpPr>
          <p:cNvPr id="63" name="Text Placeholder 2">
            <a:extLst>
              <a:ext uri="{FF2B5EF4-FFF2-40B4-BE49-F238E27FC236}">
                <a16:creationId xmlns:a16="http://schemas.microsoft.com/office/drawing/2014/main" id="{1E3BB328-175D-1D81-F46E-4991B53591F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759285" y="360000"/>
            <a:ext cx="6115500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EB1E11BB-A9E1-91FE-9011-CA59BEDA47A4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3D797121-984F-42AD-B520-BD21F10E7C41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4F49622-75A8-7E62-35DD-A0B334DFC31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626CCFB-F402-A8B9-F724-E21077D40C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1648800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Agend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9144900" cy="68616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710534F2-D877-B678-A428-0C1A8B00F948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03CC54"/>
          </a:solidFill>
        </p:grpSpPr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D6C1705-450D-9DA6-5024-86B73B27024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2" name="Freeform 6">
              <a:extLst>
                <a:ext uri="{FF2B5EF4-FFF2-40B4-BE49-F238E27FC236}">
                  <a16:creationId xmlns:a16="http://schemas.microsoft.com/office/drawing/2014/main" id="{627DC183-C511-8B57-2D1C-BDDB6E227117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4" name="Freeform 8">
              <a:extLst>
                <a:ext uri="{FF2B5EF4-FFF2-40B4-BE49-F238E27FC236}">
                  <a16:creationId xmlns:a16="http://schemas.microsoft.com/office/drawing/2014/main" id="{420653B3-4D4C-E567-A9A1-30C3707552D9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9">
              <a:extLst>
                <a:ext uri="{FF2B5EF4-FFF2-40B4-BE49-F238E27FC236}">
                  <a16:creationId xmlns:a16="http://schemas.microsoft.com/office/drawing/2014/main" id="{406F84C9-685A-5069-FF90-BFE9C02FEC5C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 10">
              <a:extLst>
                <a:ext uri="{FF2B5EF4-FFF2-40B4-BE49-F238E27FC236}">
                  <a16:creationId xmlns:a16="http://schemas.microsoft.com/office/drawing/2014/main" id="{F737717B-DDB9-22B4-BA62-B92431697218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83F182F3-4DA7-1808-D967-BE9459EBE7E3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CB01C7E6-A791-9032-26E5-9ABED2C0318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9" name="Freeform 15">
              <a:extLst>
                <a:ext uri="{FF2B5EF4-FFF2-40B4-BE49-F238E27FC236}">
                  <a16:creationId xmlns:a16="http://schemas.microsoft.com/office/drawing/2014/main" id="{EF9E4E31-51A5-76A9-4FC9-D6C1AE1CABFA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0" name="Freeform 16">
              <a:extLst>
                <a:ext uri="{FF2B5EF4-FFF2-40B4-BE49-F238E27FC236}">
                  <a16:creationId xmlns:a16="http://schemas.microsoft.com/office/drawing/2014/main" id="{4678F72D-0C3F-93F2-6353-B170904F59CB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1" name="Freeform 17">
              <a:extLst>
                <a:ext uri="{FF2B5EF4-FFF2-40B4-BE49-F238E27FC236}">
                  <a16:creationId xmlns:a16="http://schemas.microsoft.com/office/drawing/2014/main" id="{527DE987-F22F-DDA5-76FF-7DCFDC618FB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72C56914-23D4-A3F4-4F1F-EFC119EBC1E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3" name="Freeform 22">
              <a:extLst>
                <a:ext uri="{FF2B5EF4-FFF2-40B4-BE49-F238E27FC236}">
                  <a16:creationId xmlns:a16="http://schemas.microsoft.com/office/drawing/2014/main" id="{A4CD955A-7A5E-6D89-28EB-8BFBF900A723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25">
              <a:extLst>
                <a:ext uri="{FF2B5EF4-FFF2-40B4-BE49-F238E27FC236}">
                  <a16:creationId xmlns:a16="http://schemas.microsoft.com/office/drawing/2014/main" id="{1E94E408-0F3C-D4CA-790C-858492BF303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5" name="Freeform 26">
              <a:extLst>
                <a:ext uri="{FF2B5EF4-FFF2-40B4-BE49-F238E27FC236}">
                  <a16:creationId xmlns:a16="http://schemas.microsoft.com/office/drawing/2014/main" id="{7570247A-C731-B03F-1FE7-FEFECA9B8C72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6" name="Freeform 27">
              <a:extLst>
                <a:ext uri="{FF2B5EF4-FFF2-40B4-BE49-F238E27FC236}">
                  <a16:creationId xmlns:a16="http://schemas.microsoft.com/office/drawing/2014/main" id="{9214742D-7499-8E6F-C59E-33A226A30BC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7" name="Freeform 29">
              <a:extLst>
                <a:ext uri="{FF2B5EF4-FFF2-40B4-BE49-F238E27FC236}">
                  <a16:creationId xmlns:a16="http://schemas.microsoft.com/office/drawing/2014/main" id="{C3B3FEAD-6D48-CAD2-48D6-C79F90069B89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54D4B029-D57E-1E3D-494C-31B2E2AF67BA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9" name="Freeform 36">
              <a:extLst>
                <a:ext uri="{FF2B5EF4-FFF2-40B4-BE49-F238E27FC236}">
                  <a16:creationId xmlns:a16="http://schemas.microsoft.com/office/drawing/2014/main" id="{B6E26A42-EFAA-0DAC-D5F2-0A1F7E5F066A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0" name="Freeform 37">
              <a:extLst>
                <a:ext uri="{FF2B5EF4-FFF2-40B4-BE49-F238E27FC236}">
                  <a16:creationId xmlns:a16="http://schemas.microsoft.com/office/drawing/2014/main" id="{68E0975B-C43F-3E6C-3929-2262BBA00FD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1" name="Freeform 38">
              <a:extLst>
                <a:ext uri="{FF2B5EF4-FFF2-40B4-BE49-F238E27FC236}">
                  <a16:creationId xmlns:a16="http://schemas.microsoft.com/office/drawing/2014/main" id="{64E1AD34-78B0-B5EC-3ABC-539CD0A04BF1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E5CC24B7-D6D0-EA94-B0AE-540896D88BEC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F1380A9F-521F-0274-943C-BFAEC5702450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4" name="Freeform 44">
              <a:extLst>
                <a:ext uri="{FF2B5EF4-FFF2-40B4-BE49-F238E27FC236}">
                  <a16:creationId xmlns:a16="http://schemas.microsoft.com/office/drawing/2014/main" id="{3585E075-3B27-EFB1-4F09-4121CA88C6AB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5" name="Freeform 45">
              <a:extLst>
                <a:ext uri="{FF2B5EF4-FFF2-40B4-BE49-F238E27FC236}">
                  <a16:creationId xmlns:a16="http://schemas.microsoft.com/office/drawing/2014/main" id="{898794FA-4C0D-395E-1FCA-73F34C83DCEE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6" name="Freeform 46">
              <a:extLst>
                <a:ext uri="{FF2B5EF4-FFF2-40B4-BE49-F238E27FC236}">
                  <a16:creationId xmlns:a16="http://schemas.microsoft.com/office/drawing/2014/main" id="{CA81F5AB-FE55-056F-0C03-5071374267F7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 47">
              <a:extLst>
                <a:ext uri="{FF2B5EF4-FFF2-40B4-BE49-F238E27FC236}">
                  <a16:creationId xmlns:a16="http://schemas.microsoft.com/office/drawing/2014/main" id="{E33D2C01-AAC6-28C6-923C-597014B694D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C5769CB7-DC3A-F519-32DD-D1D17D20934A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9" name="Freeform 49">
              <a:extLst>
                <a:ext uri="{FF2B5EF4-FFF2-40B4-BE49-F238E27FC236}">
                  <a16:creationId xmlns:a16="http://schemas.microsoft.com/office/drawing/2014/main" id="{D14EBB9A-70AA-C6A7-15D0-3C69EEEFDCE0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6827DA11-EC03-FC0F-1AEE-AD5319321B9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1" name="Freeform 58">
              <a:extLst>
                <a:ext uri="{FF2B5EF4-FFF2-40B4-BE49-F238E27FC236}">
                  <a16:creationId xmlns:a16="http://schemas.microsoft.com/office/drawing/2014/main" id="{461E36F4-98FA-C20C-9651-FAB7CF8E1372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2" name="Freeform 61">
              <a:extLst>
                <a:ext uri="{FF2B5EF4-FFF2-40B4-BE49-F238E27FC236}">
                  <a16:creationId xmlns:a16="http://schemas.microsoft.com/office/drawing/2014/main" id="{3A3B049B-FCF1-408C-B838-0B06C674ED4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3" name="Freeform 62">
              <a:extLst>
                <a:ext uri="{FF2B5EF4-FFF2-40B4-BE49-F238E27FC236}">
                  <a16:creationId xmlns:a16="http://schemas.microsoft.com/office/drawing/2014/main" id="{90FA45BA-A732-1624-F882-B434A5E0381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4" name="Freeform 63">
              <a:extLst>
                <a:ext uri="{FF2B5EF4-FFF2-40B4-BE49-F238E27FC236}">
                  <a16:creationId xmlns:a16="http://schemas.microsoft.com/office/drawing/2014/main" id="{14781507-3B89-2FAD-D942-C86433C6A2CE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0B463AE9-8E00-B266-1514-6A05EF6FAA2E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6" name="Freeform 65">
              <a:extLst>
                <a:ext uri="{FF2B5EF4-FFF2-40B4-BE49-F238E27FC236}">
                  <a16:creationId xmlns:a16="http://schemas.microsoft.com/office/drawing/2014/main" id="{7FE12038-B89B-7E8F-85A1-2BA2B00F405E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33D5763E-258F-A81C-FB69-5A13EF5FFFE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8" name="Freeform 67">
              <a:extLst>
                <a:ext uri="{FF2B5EF4-FFF2-40B4-BE49-F238E27FC236}">
                  <a16:creationId xmlns:a16="http://schemas.microsoft.com/office/drawing/2014/main" id="{330B0A2A-3417-DADA-22D3-5ED80D82848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966A8126-F264-4489-F10F-980FBBBECF8B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0" name="Freeform 70">
              <a:extLst>
                <a:ext uri="{FF2B5EF4-FFF2-40B4-BE49-F238E27FC236}">
                  <a16:creationId xmlns:a16="http://schemas.microsoft.com/office/drawing/2014/main" id="{2AA297F6-E833-CDD0-A006-5AD526A0D12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1" name="Freeform 71">
              <a:extLst>
                <a:ext uri="{FF2B5EF4-FFF2-40B4-BE49-F238E27FC236}">
                  <a16:creationId xmlns:a16="http://schemas.microsoft.com/office/drawing/2014/main" id="{F041C072-C902-94E2-61EE-5A1147C8EF72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2" name="Dynamic legal" descr="{&quot;templafy&quot;:{&quot;id&quot;:&quot;5ff6036f-db4b-4779-a1eb-44079ca0aeef&quot;}}">
            <a:extLst>
              <a:ext uri="{FF2B5EF4-FFF2-40B4-BE49-F238E27FC236}">
                <a16:creationId xmlns:a16="http://schemas.microsoft.com/office/drawing/2014/main" id="{D5D0A2EE-767A-A543-64F2-D000F48F4A6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978f1a22-0e57-424c-94cd-78a5fc8d00bf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8EA46007-C350-9429-A7DE-354B85BF202A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61" name="Logo">
            <a:extLst>
              <a:ext uri="{FF2B5EF4-FFF2-40B4-BE49-F238E27FC236}">
                <a16:creationId xmlns:a16="http://schemas.microsoft.com/office/drawing/2014/main" id="{D171A8D9-C2F0-F2E4-95F5-CC293B3A83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A9B1855-605E-201E-357F-9A2AEB2047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360000"/>
            <a:ext cx="2041200" cy="5572800"/>
          </a:xfrm>
        </p:spPr>
        <p:txBody>
          <a:bodyPr anchor="ctr" anchorCtr="0"/>
          <a:lstStyle>
            <a:lvl1pPr>
              <a:lnSpc>
                <a:spcPct val="83000"/>
              </a:lnSpc>
              <a:defRPr sz="27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Agenda</a:t>
            </a:r>
            <a:endParaRPr lang="en-US"/>
          </a:p>
        </p:txBody>
      </p:sp>
      <p:sp>
        <p:nvSpPr>
          <p:cNvPr id="62" name="Text Placeholder 2">
            <a:extLst>
              <a:ext uri="{FF2B5EF4-FFF2-40B4-BE49-F238E27FC236}">
                <a16:creationId xmlns:a16="http://schemas.microsoft.com/office/drawing/2014/main" id="{C91D10E3-3624-802C-5B1E-5D4C4A56A9F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450313" y="360000"/>
            <a:ext cx="306245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01</a:t>
            </a:r>
            <a:endParaRPr lang="en-US" dirty="0"/>
          </a:p>
          <a:p>
            <a:pPr lvl="1"/>
            <a:r>
              <a:rPr lang="en-US" noProof="0" dirty="0"/>
              <a:t>02</a:t>
            </a:r>
            <a:endParaRPr lang="en-US" dirty="0"/>
          </a:p>
          <a:p>
            <a:pPr lvl="2"/>
            <a:r>
              <a:rPr lang="en-US" noProof="0" dirty="0"/>
              <a:t>03</a:t>
            </a:r>
            <a:endParaRPr lang="en-US" dirty="0"/>
          </a:p>
          <a:p>
            <a:pPr lvl="3"/>
            <a:r>
              <a:rPr lang="en-US" noProof="0" dirty="0"/>
              <a:t>04</a:t>
            </a:r>
            <a:endParaRPr lang="en-US" dirty="0"/>
          </a:p>
          <a:p>
            <a:pPr lvl="4"/>
            <a:r>
              <a:rPr lang="en-US" noProof="0" dirty="0"/>
              <a:t>05</a:t>
            </a:r>
            <a:endParaRPr lang="en-US" dirty="0"/>
          </a:p>
          <a:p>
            <a:pPr lvl="5"/>
            <a:r>
              <a:rPr lang="en-US" noProof="0" dirty="0"/>
              <a:t>06</a:t>
            </a:r>
            <a:endParaRPr lang="en-US" dirty="0"/>
          </a:p>
          <a:p>
            <a:pPr lvl="6"/>
            <a:r>
              <a:rPr lang="en-US" noProof="0" dirty="0"/>
              <a:t>07</a:t>
            </a:r>
            <a:endParaRPr lang="en-US" dirty="0"/>
          </a:p>
          <a:p>
            <a:pPr lvl="7"/>
            <a:r>
              <a:rPr lang="en-US" noProof="0" dirty="0"/>
              <a:t>08</a:t>
            </a:r>
            <a:endParaRPr lang="en-US" dirty="0"/>
          </a:p>
          <a:p>
            <a:pPr lvl="8"/>
            <a:r>
              <a:rPr lang="en-US" noProof="0" dirty="0"/>
              <a:t>09</a:t>
            </a:r>
            <a:endParaRPr lang="en-US" dirty="0"/>
          </a:p>
        </p:txBody>
      </p:sp>
      <p:sp>
        <p:nvSpPr>
          <p:cNvPr id="63" name="Text Placeholder 2">
            <a:extLst>
              <a:ext uri="{FF2B5EF4-FFF2-40B4-BE49-F238E27FC236}">
                <a16:creationId xmlns:a16="http://schemas.microsoft.com/office/drawing/2014/main" id="{1E3BB328-175D-1D81-F46E-4991B53591F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759285" y="360000"/>
            <a:ext cx="6115500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EB1E11BB-A9E1-91FE-9011-CA59BEDA47A4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C4D122AC-15FE-43BF-8F77-FCBC6C433F02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4F49622-75A8-7E62-35DD-A0B334DFC31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626CCFB-F402-A8B9-F724-E21077D40C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3456193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Agend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9144900" cy="6861600"/>
          </a:xfrm>
          <a:prstGeom prst="rect">
            <a:avLst/>
          </a:prstGeom>
          <a:solidFill>
            <a:srgbClr val="FF4D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157" name="Group 156">
            <a:extLst>
              <a:ext uri="{FF2B5EF4-FFF2-40B4-BE49-F238E27FC236}">
                <a16:creationId xmlns:a16="http://schemas.microsoft.com/office/drawing/2014/main" id="{76C6EA65-F78C-D547-B76F-E5EA1C30C73E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FAA163"/>
          </a:solidFill>
        </p:grpSpPr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DC5A59D1-65B9-FE95-8B2C-23827F50656F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2" name="Freeform 6">
              <a:extLst>
                <a:ext uri="{FF2B5EF4-FFF2-40B4-BE49-F238E27FC236}">
                  <a16:creationId xmlns:a16="http://schemas.microsoft.com/office/drawing/2014/main" id="{571576F7-D97E-F6F1-72FD-51C3248165CC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8">
              <a:extLst>
                <a:ext uri="{FF2B5EF4-FFF2-40B4-BE49-F238E27FC236}">
                  <a16:creationId xmlns:a16="http://schemas.microsoft.com/office/drawing/2014/main" id="{184AF941-29E0-0949-6D21-8EC1BA3FED07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 9">
              <a:extLst>
                <a:ext uri="{FF2B5EF4-FFF2-40B4-BE49-F238E27FC236}">
                  <a16:creationId xmlns:a16="http://schemas.microsoft.com/office/drawing/2014/main" id="{F93A74B8-BF09-DF97-4A53-258B756D2BCB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7" name="Freeform 10">
              <a:extLst>
                <a:ext uri="{FF2B5EF4-FFF2-40B4-BE49-F238E27FC236}">
                  <a16:creationId xmlns:a16="http://schemas.microsoft.com/office/drawing/2014/main" id="{316D0062-7586-240D-7CAC-67C403CA4A90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2C44FA81-CE13-D3F2-EE83-CAD8D8E90706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A43AB788-36AF-8D14-8B4B-61DD024583CB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2" name="Freeform 15">
              <a:extLst>
                <a:ext uri="{FF2B5EF4-FFF2-40B4-BE49-F238E27FC236}">
                  <a16:creationId xmlns:a16="http://schemas.microsoft.com/office/drawing/2014/main" id="{20B8FE93-9C2D-F8F6-19F3-4003588E3A03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 16">
              <a:extLst>
                <a:ext uri="{FF2B5EF4-FFF2-40B4-BE49-F238E27FC236}">
                  <a16:creationId xmlns:a16="http://schemas.microsoft.com/office/drawing/2014/main" id="{E638694B-A601-BB41-C1CE-329666AABAA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17">
              <a:extLst>
                <a:ext uri="{FF2B5EF4-FFF2-40B4-BE49-F238E27FC236}">
                  <a16:creationId xmlns:a16="http://schemas.microsoft.com/office/drawing/2014/main" id="{EAF5B0EB-26C4-DB85-989A-2D4E9B8577B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5082D940-BED7-B171-9AB8-B97B802B339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9" name="Freeform 22">
              <a:extLst>
                <a:ext uri="{FF2B5EF4-FFF2-40B4-BE49-F238E27FC236}">
                  <a16:creationId xmlns:a16="http://schemas.microsoft.com/office/drawing/2014/main" id="{D62C1ECE-7B89-F0B0-2B48-9AF4A0677FD0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 25">
              <a:extLst>
                <a:ext uri="{FF2B5EF4-FFF2-40B4-BE49-F238E27FC236}">
                  <a16:creationId xmlns:a16="http://schemas.microsoft.com/office/drawing/2014/main" id="{55B26BF5-0986-727F-21C6-B33CBE8B8AA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 26">
              <a:extLst>
                <a:ext uri="{FF2B5EF4-FFF2-40B4-BE49-F238E27FC236}">
                  <a16:creationId xmlns:a16="http://schemas.microsoft.com/office/drawing/2014/main" id="{379C169B-AEA9-1ED6-AD21-B9471572E6AC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4" name="Freeform 27">
              <a:extLst>
                <a:ext uri="{FF2B5EF4-FFF2-40B4-BE49-F238E27FC236}">
                  <a16:creationId xmlns:a16="http://schemas.microsoft.com/office/drawing/2014/main" id="{E4ED6652-E0E5-0230-3E0F-9AC9F38AAEE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6" name="Freeform 29">
              <a:extLst>
                <a:ext uri="{FF2B5EF4-FFF2-40B4-BE49-F238E27FC236}">
                  <a16:creationId xmlns:a16="http://schemas.microsoft.com/office/drawing/2014/main" id="{3E8A3535-5AC6-2AB3-9DBA-F552E5185393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7D196F45-F443-947F-FCC9-1C28065CEB3E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3" name="Freeform 36">
              <a:extLst>
                <a:ext uri="{FF2B5EF4-FFF2-40B4-BE49-F238E27FC236}">
                  <a16:creationId xmlns:a16="http://schemas.microsoft.com/office/drawing/2014/main" id="{B5607FFE-826E-9DC2-2052-5E2BFC9F48B2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4" name="Freeform 37">
              <a:extLst>
                <a:ext uri="{FF2B5EF4-FFF2-40B4-BE49-F238E27FC236}">
                  <a16:creationId xmlns:a16="http://schemas.microsoft.com/office/drawing/2014/main" id="{B97464D2-BCA8-AD85-E06C-0F7A9969287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5" name="Freeform 38">
              <a:extLst>
                <a:ext uri="{FF2B5EF4-FFF2-40B4-BE49-F238E27FC236}">
                  <a16:creationId xmlns:a16="http://schemas.microsoft.com/office/drawing/2014/main" id="{1B44240F-8DA5-5B57-1037-572D88E30493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AE4BAD2B-408C-FBD1-3461-3D5D4F21490E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CD32F4A9-3A2D-5111-4855-112D742DEA8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1" name="Freeform 44">
              <a:extLst>
                <a:ext uri="{FF2B5EF4-FFF2-40B4-BE49-F238E27FC236}">
                  <a16:creationId xmlns:a16="http://schemas.microsoft.com/office/drawing/2014/main" id="{C37C762A-362D-8633-E83E-61AF22C5DBA4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2" name="Freeform 45">
              <a:extLst>
                <a:ext uri="{FF2B5EF4-FFF2-40B4-BE49-F238E27FC236}">
                  <a16:creationId xmlns:a16="http://schemas.microsoft.com/office/drawing/2014/main" id="{324FECD8-18EA-9066-3DF0-39EE8A309765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3" name="Freeform 46">
              <a:extLst>
                <a:ext uri="{FF2B5EF4-FFF2-40B4-BE49-F238E27FC236}">
                  <a16:creationId xmlns:a16="http://schemas.microsoft.com/office/drawing/2014/main" id="{3ACA4FE2-F205-34A0-C0AA-1256EFFBA0CA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4" name="Freeform 47">
              <a:extLst>
                <a:ext uri="{FF2B5EF4-FFF2-40B4-BE49-F238E27FC236}">
                  <a16:creationId xmlns:a16="http://schemas.microsoft.com/office/drawing/2014/main" id="{5177765F-86CB-DA59-9DC2-AAB20A7892E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701DEEC0-9AE1-3621-DAAE-1F87F5016E50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6" name="Freeform 49">
              <a:extLst>
                <a:ext uri="{FF2B5EF4-FFF2-40B4-BE49-F238E27FC236}">
                  <a16:creationId xmlns:a16="http://schemas.microsoft.com/office/drawing/2014/main" id="{171A1C0C-350D-44F2-AC26-705789C8C8C3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2595A26A-A47F-EF2E-79BA-F752F08718A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15" name="Freeform 58">
              <a:extLst>
                <a:ext uri="{FF2B5EF4-FFF2-40B4-BE49-F238E27FC236}">
                  <a16:creationId xmlns:a16="http://schemas.microsoft.com/office/drawing/2014/main" id="{F73787AD-6B8B-3BB3-A776-D80F52E79FFE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18" name="Freeform 61">
              <a:extLst>
                <a:ext uri="{FF2B5EF4-FFF2-40B4-BE49-F238E27FC236}">
                  <a16:creationId xmlns:a16="http://schemas.microsoft.com/office/drawing/2014/main" id="{DF829962-8F09-3DAA-BD41-DB96A1631CD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19" name="Freeform 62">
              <a:extLst>
                <a:ext uri="{FF2B5EF4-FFF2-40B4-BE49-F238E27FC236}">
                  <a16:creationId xmlns:a16="http://schemas.microsoft.com/office/drawing/2014/main" id="{FA7ED64F-6AC8-5D8C-69A2-4C4977C58BBA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20" name="Freeform 63">
              <a:extLst>
                <a:ext uri="{FF2B5EF4-FFF2-40B4-BE49-F238E27FC236}">
                  <a16:creationId xmlns:a16="http://schemas.microsoft.com/office/drawing/2014/main" id="{AD7A8966-08D6-76A4-CC01-5844EC46F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6CB39452-DF71-B5DA-4FED-071388D891B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22" name="Freeform 65">
              <a:extLst>
                <a:ext uri="{FF2B5EF4-FFF2-40B4-BE49-F238E27FC236}">
                  <a16:creationId xmlns:a16="http://schemas.microsoft.com/office/drawing/2014/main" id="{0751B755-0111-7B26-41A6-CFFA2786FA96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1D1147B8-1481-40B1-AE3D-498EBB66216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24" name="Freeform 67">
              <a:extLst>
                <a:ext uri="{FF2B5EF4-FFF2-40B4-BE49-F238E27FC236}">
                  <a16:creationId xmlns:a16="http://schemas.microsoft.com/office/drawing/2014/main" id="{092A2B44-24C5-CE9D-0A88-0676CCADC06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02534FBA-693A-C203-3E39-0AC006E5914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27" name="Freeform 70">
              <a:extLst>
                <a:ext uri="{FF2B5EF4-FFF2-40B4-BE49-F238E27FC236}">
                  <a16:creationId xmlns:a16="http://schemas.microsoft.com/office/drawing/2014/main" id="{2E1ED6AE-ACB3-FA20-ED9D-52A9B967FFC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28" name="Freeform 71">
              <a:extLst>
                <a:ext uri="{FF2B5EF4-FFF2-40B4-BE49-F238E27FC236}">
                  <a16:creationId xmlns:a16="http://schemas.microsoft.com/office/drawing/2014/main" id="{DF0D4DF9-7E61-2F0A-4DDD-015B206CA9A4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2" name="Dynamic legal" descr="{&quot;templafy&quot;:{&quot;id&quot;:&quot;09d85b37-6426-4925-ad14-c1cd392d083b&quot;}}">
            <a:extLst>
              <a:ext uri="{FF2B5EF4-FFF2-40B4-BE49-F238E27FC236}">
                <a16:creationId xmlns:a16="http://schemas.microsoft.com/office/drawing/2014/main" id="{E23F2879-C0F1-FB2C-1B12-FB7DF6483BE8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880ad041-c264-408b-ae06-481364e23c27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EB69DB35-24A1-3882-AA88-5C052CF373B5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61" name="Logo">
            <a:extLst>
              <a:ext uri="{FF2B5EF4-FFF2-40B4-BE49-F238E27FC236}">
                <a16:creationId xmlns:a16="http://schemas.microsoft.com/office/drawing/2014/main" id="{D171A8D9-C2F0-F2E4-95F5-CC293B3A83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A9B1855-605E-201E-357F-9A2AEB2047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360000"/>
            <a:ext cx="2041200" cy="5572800"/>
          </a:xfrm>
        </p:spPr>
        <p:txBody>
          <a:bodyPr anchor="ctr" anchorCtr="0"/>
          <a:lstStyle>
            <a:lvl1pPr>
              <a:lnSpc>
                <a:spcPct val="83000"/>
              </a:lnSpc>
              <a:defRPr sz="27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Agenda</a:t>
            </a:r>
            <a:endParaRPr lang="en-US"/>
          </a:p>
        </p:txBody>
      </p:sp>
      <p:sp>
        <p:nvSpPr>
          <p:cNvPr id="62" name="Text Placeholder 2">
            <a:extLst>
              <a:ext uri="{FF2B5EF4-FFF2-40B4-BE49-F238E27FC236}">
                <a16:creationId xmlns:a16="http://schemas.microsoft.com/office/drawing/2014/main" id="{C91D10E3-3624-802C-5B1E-5D4C4A56A9F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450313" y="360000"/>
            <a:ext cx="306245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01</a:t>
            </a:r>
            <a:endParaRPr lang="en-US" dirty="0"/>
          </a:p>
          <a:p>
            <a:pPr lvl="1"/>
            <a:r>
              <a:rPr lang="en-US" noProof="0" dirty="0"/>
              <a:t>02</a:t>
            </a:r>
            <a:endParaRPr lang="en-US" dirty="0"/>
          </a:p>
          <a:p>
            <a:pPr lvl="2"/>
            <a:r>
              <a:rPr lang="en-US" noProof="0" dirty="0"/>
              <a:t>03</a:t>
            </a:r>
            <a:endParaRPr lang="en-US" dirty="0"/>
          </a:p>
          <a:p>
            <a:pPr lvl="3"/>
            <a:r>
              <a:rPr lang="en-US" noProof="0" dirty="0"/>
              <a:t>04</a:t>
            </a:r>
            <a:endParaRPr lang="en-US" dirty="0"/>
          </a:p>
          <a:p>
            <a:pPr lvl="4"/>
            <a:r>
              <a:rPr lang="en-US" noProof="0" dirty="0"/>
              <a:t>05</a:t>
            </a:r>
            <a:endParaRPr lang="en-US" dirty="0"/>
          </a:p>
          <a:p>
            <a:pPr lvl="5"/>
            <a:r>
              <a:rPr lang="en-US" noProof="0" dirty="0"/>
              <a:t>06</a:t>
            </a:r>
            <a:endParaRPr lang="en-US" dirty="0"/>
          </a:p>
          <a:p>
            <a:pPr lvl="6"/>
            <a:r>
              <a:rPr lang="en-US" noProof="0" dirty="0"/>
              <a:t>07</a:t>
            </a:r>
            <a:endParaRPr lang="en-US" dirty="0"/>
          </a:p>
          <a:p>
            <a:pPr lvl="7"/>
            <a:r>
              <a:rPr lang="en-US" noProof="0" dirty="0"/>
              <a:t>08</a:t>
            </a:r>
            <a:endParaRPr lang="en-US" dirty="0"/>
          </a:p>
          <a:p>
            <a:pPr lvl="8"/>
            <a:r>
              <a:rPr lang="en-US" noProof="0" dirty="0"/>
              <a:t>09</a:t>
            </a:r>
            <a:endParaRPr lang="en-US" dirty="0"/>
          </a:p>
        </p:txBody>
      </p:sp>
      <p:sp>
        <p:nvSpPr>
          <p:cNvPr id="63" name="Text Placeholder 2">
            <a:extLst>
              <a:ext uri="{FF2B5EF4-FFF2-40B4-BE49-F238E27FC236}">
                <a16:creationId xmlns:a16="http://schemas.microsoft.com/office/drawing/2014/main" id="{1E3BB328-175D-1D81-F46E-4991B53591F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759286" y="360000"/>
            <a:ext cx="6114715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EB1E11BB-A9E1-91FE-9011-CA59BEDA47A4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CD596978-FD57-4371-AD09-C010258F740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4F49622-75A8-7E62-35DD-A0B334DFC31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626CCFB-F402-A8B9-F724-E21077D40C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684945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Freeform 6">
            <a:extLst>
              <a:ext uri="{FF2B5EF4-FFF2-40B4-BE49-F238E27FC236}">
                <a16:creationId xmlns:a16="http://schemas.microsoft.com/office/drawing/2014/main" id="{2DBDAC48-E9E3-50DC-4F61-AE86EB78F7A4}"/>
              </a:ext>
            </a:extLst>
          </p:cNvPr>
          <p:cNvSpPr>
            <a:spLocks/>
          </p:cNvSpPr>
          <p:nvPr userDrawn="1"/>
        </p:nvSpPr>
        <p:spPr bwMode="auto">
          <a:xfrm rot="900000">
            <a:off x="-5729640" y="-1308734"/>
            <a:ext cx="14024102" cy="10685028"/>
          </a:xfrm>
          <a:custGeom>
            <a:avLst/>
            <a:gdLst>
              <a:gd name="T0" fmla="*/ 123 w 281"/>
              <a:gd name="T1" fmla="*/ 146 h 161"/>
              <a:gd name="T2" fmla="*/ 0 w 281"/>
              <a:gd name="T3" fmla="*/ 42 h 161"/>
              <a:gd name="T4" fmla="*/ 158 w 281"/>
              <a:gd name="T5" fmla="*/ 15 h 161"/>
              <a:gd name="T6" fmla="*/ 281 w 281"/>
              <a:gd name="T7" fmla="*/ 119 h 161"/>
              <a:gd name="T8" fmla="*/ 123 w 281"/>
              <a:gd name="T9" fmla="*/ 146 h 16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281" h="161">
                <a:moveTo>
                  <a:pt x="123" y="146"/>
                </a:moveTo>
                <a:cubicBezTo>
                  <a:pt x="66" y="130"/>
                  <a:pt x="23" y="91"/>
                  <a:pt x="0" y="42"/>
                </a:cubicBezTo>
                <a:cubicBezTo>
                  <a:pt x="45" y="11"/>
                  <a:pt x="102" y="0"/>
                  <a:pt x="158" y="15"/>
                </a:cubicBezTo>
                <a:cubicBezTo>
                  <a:pt x="215" y="31"/>
                  <a:pt x="258" y="70"/>
                  <a:pt x="281" y="119"/>
                </a:cubicBezTo>
                <a:cubicBezTo>
                  <a:pt x="236" y="150"/>
                  <a:pt x="179" y="161"/>
                  <a:pt x="123" y="146"/>
                </a:cubicBezTo>
              </a:path>
            </a:pathLst>
          </a:custGeom>
          <a:solidFill>
            <a:srgbClr val="110081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8" name="Freeform 25">
            <a:extLst>
              <a:ext uri="{FF2B5EF4-FFF2-40B4-BE49-F238E27FC236}">
                <a16:creationId xmlns:a16="http://schemas.microsoft.com/office/drawing/2014/main" id="{BCFED06E-BBB3-0C17-552D-DFF9887E09D2}"/>
              </a:ext>
            </a:extLst>
          </p:cNvPr>
          <p:cNvSpPr>
            <a:spLocks/>
          </p:cNvSpPr>
          <p:nvPr userDrawn="1"/>
        </p:nvSpPr>
        <p:spPr bwMode="auto">
          <a:xfrm rot="20700000">
            <a:off x="4207166" y="-3994913"/>
            <a:ext cx="12137646" cy="10164263"/>
          </a:xfrm>
          <a:custGeom>
            <a:avLst/>
            <a:gdLst>
              <a:gd name="T0" fmla="*/ 171 w 368"/>
              <a:gd name="T1" fmla="*/ 203 h 231"/>
              <a:gd name="T2" fmla="*/ 0 w 368"/>
              <a:gd name="T3" fmla="*/ 13 h 231"/>
              <a:gd name="T4" fmla="*/ 257 w 368"/>
              <a:gd name="T5" fmla="*/ 34 h 231"/>
              <a:gd name="T6" fmla="*/ 366 w 368"/>
              <a:gd name="T7" fmla="*/ 171 h 231"/>
              <a:gd name="T8" fmla="*/ 355 w 368"/>
              <a:gd name="T9" fmla="*/ 196 h 231"/>
              <a:gd name="T10" fmla="*/ 171 w 368"/>
              <a:gd name="T11" fmla="*/ 203 h 23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368" h="231">
                <a:moveTo>
                  <a:pt x="171" y="203"/>
                </a:moveTo>
                <a:cubicBezTo>
                  <a:pt x="108" y="174"/>
                  <a:pt x="64" y="85"/>
                  <a:pt x="0" y="13"/>
                </a:cubicBezTo>
                <a:cubicBezTo>
                  <a:pt x="91" y="8"/>
                  <a:pt x="182" y="0"/>
                  <a:pt x="257" y="34"/>
                </a:cubicBezTo>
                <a:cubicBezTo>
                  <a:pt x="317" y="62"/>
                  <a:pt x="351" y="112"/>
                  <a:pt x="366" y="171"/>
                </a:cubicBezTo>
                <a:cubicBezTo>
                  <a:pt x="368" y="181"/>
                  <a:pt x="364" y="191"/>
                  <a:pt x="355" y="196"/>
                </a:cubicBezTo>
                <a:cubicBezTo>
                  <a:pt x="309" y="224"/>
                  <a:pt x="234" y="231"/>
                  <a:pt x="171" y="203"/>
                </a:cubicBezTo>
              </a:path>
            </a:pathLst>
          </a:custGeom>
          <a:solidFill>
            <a:srgbClr val="110081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10" name="Dynamic legal" descr="{&quot;templafy&quot;:{&quot;id&quot;:&quot;573eaf8c-44a0-470b-8739-03323843fc93&quot;}}">
            <a:extLst>
              <a:ext uri="{FF2B5EF4-FFF2-40B4-BE49-F238E27FC236}">
                <a16:creationId xmlns:a16="http://schemas.microsoft.com/office/drawing/2014/main" id="{CA05FD09-B64E-2A45-1D16-ECAE9404769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e243d6f0-4f53-44e0-9e42-f818eb630888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E0B98218-CDFB-9994-043C-5F396CC69AC5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2A74288B-453E-4D14-A7FD-55F3BFD9C2A1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348596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 p14:bounceEnd="24000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 p14:bounceEnd="24000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Fallback>
  </mc:AlternateContent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3CC5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Freeform 6">
            <a:extLst>
              <a:ext uri="{FF2B5EF4-FFF2-40B4-BE49-F238E27FC236}">
                <a16:creationId xmlns:a16="http://schemas.microsoft.com/office/drawing/2014/main" id="{2DBDAC48-E9E3-50DC-4F61-AE86EB78F7A4}"/>
              </a:ext>
            </a:extLst>
          </p:cNvPr>
          <p:cNvSpPr>
            <a:spLocks/>
          </p:cNvSpPr>
          <p:nvPr userDrawn="1"/>
        </p:nvSpPr>
        <p:spPr bwMode="auto">
          <a:xfrm rot="900000">
            <a:off x="-5729640" y="-1308734"/>
            <a:ext cx="14024102" cy="10685028"/>
          </a:xfrm>
          <a:custGeom>
            <a:avLst/>
            <a:gdLst>
              <a:gd name="T0" fmla="*/ 123 w 281"/>
              <a:gd name="T1" fmla="*/ 146 h 161"/>
              <a:gd name="T2" fmla="*/ 0 w 281"/>
              <a:gd name="T3" fmla="*/ 42 h 161"/>
              <a:gd name="T4" fmla="*/ 158 w 281"/>
              <a:gd name="T5" fmla="*/ 15 h 161"/>
              <a:gd name="T6" fmla="*/ 281 w 281"/>
              <a:gd name="T7" fmla="*/ 119 h 161"/>
              <a:gd name="T8" fmla="*/ 123 w 281"/>
              <a:gd name="T9" fmla="*/ 146 h 16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281" h="161">
                <a:moveTo>
                  <a:pt x="123" y="146"/>
                </a:moveTo>
                <a:cubicBezTo>
                  <a:pt x="66" y="130"/>
                  <a:pt x="23" y="91"/>
                  <a:pt x="0" y="42"/>
                </a:cubicBezTo>
                <a:cubicBezTo>
                  <a:pt x="45" y="11"/>
                  <a:pt x="102" y="0"/>
                  <a:pt x="158" y="15"/>
                </a:cubicBezTo>
                <a:cubicBezTo>
                  <a:pt x="215" y="31"/>
                  <a:pt x="258" y="70"/>
                  <a:pt x="281" y="119"/>
                </a:cubicBezTo>
                <a:cubicBezTo>
                  <a:pt x="236" y="150"/>
                  <a:pt x="179" y="161"/>
                  <a:pt x="123" y="146"/>
                </a:cubicBezTo>
              </a:path>
            </a:pathLst>
          </a:custGeom>
          <a:solidFill>
            <a:srgbClr val="00874D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8" name="Freeform 25">
            <a:extLst>
              <a:ext uri="{FF2B5EF4-FFF2-40B4-BE49-F238E27FC236}">
                <a16:creationId xmlns:a16="http://schemas.microsoft.com/office/drawing/2014/main" id="{BCFED06E-BBB3-0C17-552D-DFF9887E09D2}"/>
              </a:ext>
            </a:extLst>
          </p:cNvPr>
          <p:cNvSpPr>
            <a:spLocks/>
          </p:cNvSpPr>
          <p:nvPr userDrawn="1"/>
        </p:nvSpPr>
        <p:spPr bwMode="auto">
          <a:xfrm rot="20700000">
            <a:off x="4207166" y="-3994913"/>
            <a:ext cx="12137646" cy="10164263"/>
          </a:xfrm>
          <a:custGeom>
            <a:avLst/>
            <a:gdLst>
              <a:gd name="T0" fmla="*/ 171 w 368"/>
              <a:gd name="T1" fmla="*/ 203 h 231"/>
              <a:gd name="T2" fmla="*/ 0 w 368"/>
              <a:gd name="T3" fmla="*/ 13 h 231"/>
              <a:gd name="T4" fmla="*/ 257 w 368"/>
              <a:gd name="T5" fmla="*/ 34 h 231"/>
              <a:gd name="T6" fmla="*/ 366 w 368"/>
              <a:gd name="T7" fmla="*/ 171 h 231"/>
              <a:gd name="T8" fmla="*/ 355 w 368"/>
              <a:gd name="T9" fmla="*/ 196 h 231"/>
              <a:gd name="T10" fmla="*/ 171 w 368"/>
              <a:gd name="T11" fmla="*/ 203 h 23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368" h="231">
                <a:moveTo>
                  <a:pt x="171" y="203"/>
                </a:moveTo>
                <a:cubicBezTo>
                  <a:pt x="108" y="174"/>
                  <a:pt x="64" y="85"/>
                  <a:pt x="0" y="13"/>
                </a:cubicBezTo>
                <a:cubicBezTo>
                  <a:pt x="91" y="8"/>
                  <a:pt x="182" y="0"/>
                  <a:pt x="257" y="34"/>
                </a:cubicBezTo>
                <a:cubicBezTo>
                  <a:pt x="317" y="62"/>
                  <a:pt x="351" y="112"/>
                  <a:pt x="366" y="171"/>
                </a:cubicBezTo>
                <a:cubicBezTo>
                  <a:pt x="368" y="181"/>
                  <a:pt x="364" y="191"/>
                  <a:pt x="355" y="196"/>
                </a:cubicBezTo>
                <a:cubicBezTo>
                  <a:pt x="309" y="224"/>
                  <a:pt x="234" y="231"/>
                  <a:pt x="171" y="203"/>
                </a:cubicBezTo>
              </a:path>
            </a:pathLst>
          </a:custGeom>
          <a:solidFill>
            <a:srgbClr val="00874D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10" name="Dynamic legal" descr="{&quot;templafy&quot;:{&quot;id&quot;:&quot;84957508-048d-4286-9e2b-5de2c8a3d413&quot;}}">
            <a:extLst>
              <a:ext uri="{FF2B5EF4-FFF2-40B4-BE49-F238E27FC236}">
                <a16:creationId xmlns:a16="http://schemas.microsoft.com/office/drawing/2014/main" id="{D89E77FF-3DEF-DFD3-5B52-E02AA9C5FF8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e07a3d5c-73be-4a46-8248-5fc76b4f9d33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6296B649-CC07-9887-3448-0C36DA97FB33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BDE4177B-E6D7-4A7E-AF01-151DB451D720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1218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 p14:bounceEnd="24000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 p14:bounceEnd="24000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Fallback>
  </mc:AlternateContent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8">
            <a:extLst>
              <a:ext uri="{FF2B5EF4-FFF2-40B4-BE49-F238E27FC236}">
                <a16:creationId xmlns:a16="http://schemas.microsoft.com/office/drawing/2014/main" id="{434825DF-DC10-9A65-D30C-D4B8F0D5A16E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Date Placeholder 3">
            <a:extLst>
              <a:ext uri="{FF2B5EF4-FFF2-40B4-BE49-F238E27FC236}">
                <a16:creationId xmlns:a16="http://schemas.microsoft.com/office/drawing/2014/main" id="{B4817732-EE1A-23E7-1CB7-3120F7EDCF45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C442E1B6-792F-41F4-80AB-95026D17EDD9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14368598"/>
      </p:ext>
    </p:extLst>
  </p:cSld>
  <p:clrMapOvr>
    <a:masterClrMapping/>
  </p:clrMapOvr>
  <p:transition/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FAA16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Freeform 6">
            <a:extLst>
              <a:ext uri="{FF2B5EF4-FFF2-40B4-BE49-F238E27FC236}">
                <a16:creationId xmlns:a16="http://schemas.microsoft.com/office/drawing/2014/main" id="{2DBDAC48-E9E3-50DC-4F61-AE86EB78F7A4}"/>
              </a:ext>
            </a:extLst>
          </p:cNvPr>
          <p:cNvSpPr>
            <a:spLocks/>
          </p:cNvSpPr>
          <p:nvPr userDrawn="1"/>
        </p:nvSpPr>
        <p:spPr bwMode="auto">
          <a:xfrm rot="900000">
            <a:off x="-5729640" y="-1308734"/>
            <a:ext cx="14024102" cy="10685028"/>
          </a:xfrm>
          <a:custGeom>
            <a:avLst/>
            <a:gdLst>
              <a:gd name="T0" fmla="*/ 123 w 281"/>
              <a:gd name="T1" fmla="*/ 146 h 161"/>
              <a:gd name="T2" fmla="*/ 0 w 281"/>
              <a:gd name="T3" fmla="*/ 42 h 161"/>
              <a:gd name="T4" fmla="*/ 158 w 281"/>
              <a:gd name="T5" fmla="*/ 15 h 161"/>
              <a:gd name="T6" fmla="*/ 281 w 281"/>
              <a:gd name="T7" fmla="*/ 119 h 161"/>
              <a:gd name="T8" fmla="*/ 123 w 281"/>
              <a:gd name="T9" fmla="*/ 146 h 16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281" h="161">
                <a:moveTo>
                  <a:pt x="123" y="146"/>
                </a:moveTo>
                <a:cubicBezTo>
                  <a:pt x="66" y="130"/>
                  <a:pt x="23" y="91"/>
                  <a:pt x="0" y="42"/>
                </a:cubicBezTo>
                <a:cubicBezTo>
                  <a:pt x="45" y="11"/>
                  <a:pt x="102" y="0"/>
                  <a:pt x="158" y="15"/>
                </a:cubicBezTo>
                <a:cubicBezTo>
                  <a:pt x="215" y="31"/>
                  <a:pt x="258" y="70"/>
                  <a:pt x="281" y="119"/>
                </a:cubicBezTo>
                <a:cubicBezTo>
                  <a:pt x="236" y="150"/>
                  <a:pt x="179" y="161"/>
                  <a:pt x="123" y="146"/>
                </a:cubicBezTo>
              </a:path>
            </a:pathLst>
          </a:custGeom>
          <a:solidFill>
            <a:srgbClr val="FF4D00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8" name="Freeform 25">
            <a:extLst>
              <a:ext uri="{FF2B5EF4-FFF2-40B4-BE49-F238E27FC236}">
                <a16:creationId xmlns:a16="http://schemas.microsoft.com/office/drawing/2014/main" id="{BCFED06E-BBB3-0C17-552D-DFF9887E09D2}"/>
              </a:ext>
            </a:extLst>
          </p:cNvPr>
          <p:cNvSpPr>
            <a:spLocks/>
          </p:cNvSpPr>
          <p:nvPr userDrawn="1"/>
        </p:nvSpPr>
        <p:spPr bwMode="auto">
          <a:xfrm rot="20700000">
            <a:off x="4207166" y="-3994913"/>
            <a:ext cx="12137646" cy="10164263"/>
          </a:xfrm>
          <a:custGeom>
            <a:avLst/>
            <a:gdLst>
              <a:gd name="T0" fmla="*/ 171 w 368"/>
              <a:gd name="T1" fmla="*/ 203 h 231"/>
              <a:gd name="T2" fmla="*/ 0 w 368"/>
              <a:gd name="T3" fmla="*/ 13 h 231"/>
              <a:gd name="T4" fmla="*/ 257 w 368"/>
              <a:gd name="T5" fmla="*/ 34 h 231"/>
              <a:gd name="T6" fmla="*/ 366 w 368"/>
              <a:gd name="T7" fmla="*/ 171 h 231"/>
              <a:gd name="T8" fmla="*/ 355 w 368"/>
              <a:gd name="T9" fmla="*/ 196 h 231"/>
              <a:gd name="T10" fmla="*/ 171 w 368"/>
              <a:gd name="T11" fmla="*/ 203 h 23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368" h="231">
                <a:moveTo>
                  <a:pt x="171" y="203"/>
                </a:moveTo>
                <a:cubicBezTo>
                  <a:pt x="108" y="174"/>
                  <a:pt x="64" y="85"/>
                  <a:pt x="0" y="13"/>
                </a:cubicBezTo>
                <a:cubicBezTo>
                  <a:pt x="91" y="8"/>
                  <a:pt x="182" y="0"/>
                  <a:pt x="257" y="34"/>
                </a:cubicBezTo>
                <a:cubicBezTo>
                  <a:pt x="317" y="62"/>
                  <a:pt x="351" y="112"/>
                  <a:pt x="366" y="171"/>
                </a:cubicBezTo>
                <a:cubicBezTo>
                  <a:pt x="368" y="181"/>
                  <a:pt x="364" y="191"/>
                  <a:pt x="355" y="196"/>
                </a:cubicBezTo>
                <a:cubicBezTo>
                  <a:pt x="309" y="224"/>
                  <a:pt x="234" y="231"/>
                  <a:pt x="171" y="203"/>
                </a:cubicBezTo>
              </a:path>
            </a:pathLst>
          </a:custGeom>
          <a:solidFill>
            <a:srgbClr val="FF4D00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5" name="Dynamic legal" descr="{&quot;templafy&quot;:{&quot;id&quot;:&quot;654fe639-67bc-41e0-970c-367ac98b07fb&quot;}}">
            <a:extLst>
              <a:ext uri="{FF2B5EF4-FFF2-40B4-BE49-F238E27FC236}">
                <a16:creationId xmlns:a16="http://schemas.microsoft.com/office/drawing/2014/main" id="{353DF039-3B1A-C190-4EA6-6ABD3A4641A3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6" name="Dynmic Internal use only" descr="{&quot;templafy&quot;:{&quot;id&quot;:&quot;ab0bea3c-961c-4759-b42c-f63d83aa7000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FB723643-3702-E3C5-80BE-703B4C10DD99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AAE330CD-3227-EFB6-6972-7D717F23E1F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31EB155-2081-4A92-AB42-08175EA8D53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2A4D4CDC-41FD-AA36-8291-2C18935746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C40BBCB3-ED81-899F-FD24-50EA86B4A2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7294518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 p14:bounceEnd="24000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 p14:bounceEnd="24000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Choice>
    <mc:Fallback xmlns="" xmlns:a16="http://schemas.microsoft.com/office/drawing/2014/main" xmlns:a14="http://schemas.microsoft.com/office/drawing/2010/main" xmlns:asvg="http://schemas.microsoft.com/office/drawing/2016/SVG/main" xmlns:p15="http://schemas.microsoft.com/office/powerpoint/2012/main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Fallback>
  </mc:AlternateContent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96B0153F-51B7-5FFA-CA1F-CA82240C778B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0033FF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56CCDB76-95D2-7F79-299A-F9D1F543C7AF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2" name="Freeform 6">
              <a:extLst>
                <a:ext uri="{FF2B5EF4-FFF2-40B4-BE49-F238E27FC236}">
                  <a16:creationId xmlns:a16="http://schemas.microsoft.com/office/drawing/2014/main" id="{DABCB348-87AA-DF6A-F781-2F307E73E9A7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" name="Freeform 8">
              <a:extLst>
                <a:ext uri="{FF2B5EF4-FFF2-40B4-BE49-F238E27FC236}">
                  <a16:creationId xmlns:a16="http://schemas.microsoft.com/office/drawing/2014/main" id="{058E9BCD-4588-8828-A945-4E86A8403205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" name="Freeform 9">
              <a:extLst>
                <a:ext uri="{FF2B5EF4-FFF2-40B4-BE49-F238E27FC236}">
                  <a16:creationId xmlns:a16="http://schemas.microsoft.com/office/drawing/2014/main" id="{32E7BBC3-F14D-6277-CCAD-C24F09347874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5" name="Freeform 10">
              <a:extLst>
                <a:ext uri="{FF2B5EF4-FFF2-40B4-BE49-F238E27FC236}">
                  <a16:creationId xmlns:a16="http://schemas.microsoft.com/office/drawing/2014/main" id="{E728AF19-90EE-8328-E263-739F09EC6B16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0B0B7CDD-D1BD-1582-95F5-65C8B3319C51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0EE57DDC-DED5-4EE5-F88C-943973FE882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8" name="Freeform 15">
              <a:extLst>
                <a:ext uri="{FF2B5EF4-FFF2-40B4-BE49-F238E27FC236}">
                  <a16:creationId xmlns:a16="http://schemas.microsoft.com/office/drawing/2014/main" id="{B5C712EE-74F0-76A8-8912-D52C2DA9D1EF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9" name="Freeform 16">
              <a:extLst>
                <a:ext uri="{FF2B5EF4-FFF2-40B4-BE49-F238E27FC236}">
                  <a16:creationId xmlns:a16="http://schemas.microsoft.com/office/drawing/2014/main" id="{A419EDC7-215C-BA21-4821-D162E198B7D6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0" name="Freeform 17">
              <a:extLst>
                <a:ext uri="{FF2B5EF4-FFF2-40B4-BE49-F238E27FC236}">
                  <a16:creationId xmlns:a16="http://schemas.microsoft.com/office/drawing/2014/main" id="{E2108FCF-4C74-27F8-0639-D7799E5D7DD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5ACAFCF3-1E52-1093-0307-86425C4873E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2" name="Freeform 22">
              <a:extLst>
                <a:ext uri="{FF2B5EF4-FFF2-40B4-BE49-F238E27FC236}">
                  <a16:creationId xmlns:a16="http://schemas.microsoft.com/office/drawing/2014/main" id="{CC03080C-DBA0-57C4-6F13-104B7E6014F9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3" name="Freeform 25">
              <a:extLst>
                <a:ext uri="{FF2B5EF4-FFF2-40B4-BE49-F238E27FC236}">
                  <a16:creationId xmlns:a16="http://schemas.microsoft.com/office/drawing/2014/main" id="{FAE87726-C79E-DAD3-76FD-2F2F60BC7CC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4" name="Freeform 26">
              <a:extLst>
                <a:ext uri="{FF2B5EF4-FFF2-40B4-BE49-F238E27FC236}">
                  <a16:creationId xmlns:a16="http://schemas.microsoft.com/office/drawing/2014/main" id="{B9CFDB37-3EDD-5023-1198-354C5F793FC8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5" name="Freeform 27">
              <a:extLst>
                <a:ext uri="{FF2B5EF4-FFF2-40B4-BE49-F238E27FC236}">
                  <a16:creationId xmlns:a16="http://schemas.microsoft.com/office/drawing/2014/main" id="{A1F3CF1D-DFFD-7C63-73E8-4BFA94109791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6" name="Freeform 29">
              <a:extLst>
                <a:ext uri="{FF2B5EF4-FFF2-40B4-BE49-F238E27FC236}">
                  <a16:creationId xmlns:a16="http://schemas.microsoft.com/office/drawing/2014/main" id="{0BE5861B-1B20-FD8F-5B05-88A65350C3FC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7F14CCE-E106-D19B-11D1-4F7A14895405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8" name="Freeform 36">
              <a:extLst>
                <a:ext uri="{FF2B5EF4-FFF2-40B4-BE49-F238E27FC236}">
                  <a16:creationId xmlns:a16="http://schemas.microsoft.com/office/drawing/2014/main" id="{A8F02F2D-563B-913C-804A-B485E3099633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9" name="Freeform 37">
              <a:extLst>
                <a:ext uri="{FF2B5EF4-FFF2-40B4-BE49-F238E27FC236}">
                  <a16:creationId xmlns:a16="http://schemas.microsoft.com/office/drawing/2014/main" id="{F1880DEC-7D68-A9C3-4631-6C7DE7E6B49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0" name="Freeform 38">
              <a:extLst>
                <a:ext uri="{FF2B5EF4-FFF2-40B4-BE49-F238E27FC236}">
                  <a16:creationId xmlns:a16="http://schemas.microsoft.com/office/drawing/2014/main" id="{1108FBC6-C922-E218-57C6-5D00C7B25057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84BD06DF-C072-0B33-5685-31AF73DD223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6098F057-2DE9-D7F7-C543-10D69960F72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33" name="Freeform 44">
              <a:extLst>
                <a:ext uri="{FF2B5EF4-FFF2-40B4-BE49-F238E27FC236}">
                  <a16:creationId xmlns:a16="http://schemas.microsoft.com/office/drawing/2014/main" id="{22243FA7-4941-4567-168F-6032C9400285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4" name="Freeform 45">
              <a:extLst>
                <a:ext uri="{FF2B5EF4-FFF2-40B4-BE49-F238E27FC236}">
                  <a16:creationId xmlns:a16="http://schemas.microsoft.com/office/drawing/2014/main" id="{824061A3-A719-A441-669E-A2E108ABCA52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5" name="Freeform 46">
              <a:extLst>
                <a:ext uri="{FF2B5EF4-FFF2-40B4-BE49-F238E27FC236}">
                  <a16:creationId xmlns:a16="http://schemas.microsoft.com/office/drawing/2014/main" id="{07521B81-D6C7-572F-ABDF-B48ED793FFFE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6" name="Freeform 47">
              <a:extLst>
                <a:ext uri="{FF2B5EF4-FFF2-40B4-BE49-F238E27FC236}">
                  <a16:creationId xmlns:a16="http://schemas.microsoft.com/office/drawing/2014/main" id="{51DDA017-35BF-F6D1-B909-9586B3639F7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C9400801-2683-A4DB-EFA8-21B2826B7C7B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38" name="Freeform 49">
              <a:extLst>
                <a:ext uri="{FF2B5EF4-FFF2-40B4-BE49-F238E27FC236}">
                  <a16:creationId xmlns:a16="http://schemas.microsoft.com/office/drawing/2014/main" id="{AB5D3AA2-657C-852C-4A8F-99E9D435D163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01F3F0FA-2DC8-63A2-5B82-2835781EB1B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0" name="Freeform 58">
              <a:extLst>
                <a:ext uri="{FF2B5EF4-FFF2-40B4-BE49-F238E27FC236}">
                  <a16:creationId xmlns:a16="http://schemas.microsoft.com/office/drawing/2014/main" id="{E3C3D9DC-5040-5446-53CF-3AC3A5B6A573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1" name="Freeform 61">
              <a:extLst>
                <a:ext uri="{FF2B5EF4-FFF2-40B4-BE49-F238E27FC236}">
                  <a16:creationId xmlns:a16="http://schemas.microsoft.com/office/drawing/2014/main" id="{14690D8F-C57A-A8FA-FCCE-5107FDFFD5E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2" name="Freeform 62">
              <a:extLst>
                <a:ext uri="{FF2B5EF4-FFF2-40B4-BE49-F238E27FC236}">
                  <a16:creationId xmlns:a16="http://schemas.microsoft.com/office/drawing/2014/main" id="{1AE7CFF4-516E-CEAD-151B-D3E26F863E3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3" name="Freeform 63">
              <a:extLst>
                <a:ext uri="{FF2B5EF4-FFF2-40B4-BE49-F238E27FC236}">
                  <a16:creationId xmlns:a16="http://schemas.microsoft.com/office/drawing/2014/main" id="{6904504F-D8AD-BB0E-E8BD-544EAB79E0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6A2691E1-2D3F-F2B3-F075-848AF4CCE241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5" name="Freeform 65">
              <a:extLst>
                <a:ext uri="{FF2B5EF4-FFF2-40B4-BE49-F238E27FC236}">
                  <a16:creationId xmlns:a16="http://schemas.microsoft.com/office/drawing/2014/main" id="{617A7CFD-CC12-D585-D8A1-A334238198C1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76AFAA03-EEE2-F6A8-5BD9-E332F576CBF1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7" name="Freeform 67">
              <a:extLst>
                <a:ext uri="{FF2B5EF4-FFF2-40B4-BE49-F238E27FC236}">
                  <a16:creationId xmlns:a16="http://schemas.microsoft.com/office/drawing/2014/main" id="{13C56906-CB98-3E40-9B41-1D10F35B487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90F7AA1D-C64C-CBA1-7628-31134297F9BE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9" name="Freeform 70">
              <a:extLst>
                <a:ext uri="{FF2B5EF4-FFF2-40B4-BE49-F238E27FC236}">
                  <a16:creationId xmlns:a16="http://schemas.microsoft.com/office/drawing/2014/main" id="{20BAD8FA-019E-E62B-3B8B-F12D7969CBF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0" name="Freeform 71">
              <a:extLst>
                <a:ext uri="{FF2B5EF4-FFF2-40B4-BE49-F238E27FC236}">
                  <a16:creationId xmlns:a16="http://schemas.microsoft.com/office/drawing/2014/main" id="{F640350F-10A5-A988-26FC-FEC52C6F778F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4" name="Dynamic legal" descr="{&quot;templafy&quot;:{&quot;id&quot;:&quot;3a87b232-ae0a-4ed7-aca9-81c3c0766009&quot;}}">
            <a:extLst>
              <a:ext uri="{FF2B5EF4-FFF2-40B4-BE49-F238E27FC236}">
                <a16:creationId xmlns:a16="http://schemas.microsoft.com/office/drawing/2014/main" id="{04B08AE0-5747-6620-25C0-4D4CBDFFEB86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8" name="Dynmic Internal use only" descr="{&quot;templafy&quot;:{&quot;id&quot;:&quot;1b158690-3a37-4871-969b-52ed73cd2572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F95DCE30-9FF1-602A-5A57-92094657556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7543D7E6-AC22-41CA-803A-C2AE4263AC48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551960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1DBDD132-B647-6D79-9EC5-7F5FE328FB60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03CC54"/>
          </a:solidFill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11F76FB4-2F92-38FF-983E-ADB670D3E9E6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1" name="Freeform 6">
              <a:extLst>
                <a:ext uri="{FF2B5EF4-FFF2-40B4-BE49-F238E27FC236}">
                  <a16:creationId xmlns:a16="http://schemas.microsoft.com/office/drawing/2014/main" id="{A786ADA7-5CC0-B21E-69C7-D33546AE56D6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2" name="Freeform 8">
              <a:extLst>
                <a:ext uri="{FF2B5EF4-FFF2-40B4-BE49-F238E27FC236}">
                  <a16:creationId xmlns:a16="http://schemas.microsoft.com/office/drawing/2014/main" id="{ECA4AE0E-9A29-E5FA-BC33-7FA6BB0EFB07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3" name="Freeform 9">
              <a:extLst>
                <a:ext uri="{FF2B5EF4-FFF2-40B4-BE49-F238E27FC236}">
                  <a16:creationId xmlns:a16="http://schemas.microsoft.com/office/drawing/2014/main" id="{58ECFBD8-820D-D848-B5BB-3F6BEBE5DA59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4" name="Freeform 10">
              <a:extLst>
                <a:ext uri="{FF2B5EF4-FFF2-40B4-BE49-F238E27FC236}">
                  <a16:creationId xmlns:a16="http://schemas.microsoft.com/office/drawing/2014/main" id="{AE4FCA06-14F4-2B0A-9B3D-96FB59A0130E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419AD768-9D3D-D53E-D817-33A966C711B4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B99AE949-6BF9-9B14-2518-7F23777704DB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7" name="Freeform 15">
              <a:extLst>
                <a:ext uri="{FF2B5EF4-FFF2-40B4-BE49-F238E27FC236}">
                  <a16:creationId xmlns:a16="http://schemas.microsoft.com/office/drawing/2014/main" id="{F69568F5-5ECA-E758-4071-172C87286C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8" name="Freeform 16">
              <a:extLst>
                <a:ext uri="{FF2B5EF4-FFF2-40B4-BE49-F238E27FC236}">
                  <a16:creationId xmlns:a16="http://schemas.microsoft.com/office/drawing/2014/main" id="{9E23537D-C46A-1E96-23CB-55964C0F148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9" name="Freeform 17">
              <a:extLst>
                <a:ext uri="{FF2B5EF4-FFF2-40B4-BE49-F238E27FC236}">
                  <a16:creationId xmlns:a16="http://schemas.microsoft.com/office/drawing/2014/main" id="{B567FAA2-9CAE-06B7-5EB9-855346228C3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082DE6FF-93AE-764E-B4EF-D02B15EDC150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1" name="Freeform 22">
              <a:extLst>
                <a:ext uri="{FF2B5EF4-FFF2-40B4-BE49-F238E27FC236}">
                  <a16:creationId xmlns:a16="http://schemas.microsoft.com/office/drawing/2014/main" id="{2CF043F6-FDAE-601E-1FC2-1B95C5C69238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2" name="Freeform 25">
              <a:extLst>
                <a:ext uri="{FF2B5EF4-FFF2-40B4-BE49-F238E27FC236}">
                  <a16:creationId xmlns:a16="http://schemas.microsoft.com/office/drawing/2014/main" id="{CDFC30C4-34CD-FC69-3218-12E0C0D0A56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3" name="Freeform 26">
              <a:extLst>
                <a:ext uri="{FF2B5EF4-FFF2-40B4-BE49-F238E27FC236}">
                  <a16:creationId xmlns:a16="http://schemas.microsoft.com/office/drawing/2014/main" id="{47C4C5A9-EE9E-5CF2-8EAF-80DC6F99CFBD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4" name="Freeform 27">
              <a:extLst>
                <a:ext uri="{FF2B5EF4-FFF2-40B4-BE49-F238E27FC236}">
                  <a16:creationId xmlns:a16="http://schemas.microsoft.com/office/drawing/2014/main" id="{E43AEBA1-48E2-1D88-CFB2-3C665158893F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29">
              <a:extLst>
                <a:ext uri="{FF2B5EF4-FFF2-40B4-BE49-F238E27FC236}">
                  <a16:creationId xmlns:a16="http://schemas.microsoft.com/office/drawing/2014/main" id="{1EA77AE8-77D8-17F3-13D3-11864DAA2EDD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C4BF08B-D78C-03A8-D9F5-8E12FDB5404F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7" name="Freeform 36">
              <a:extLst>
                <a:ext uri="{FF2B5EF4-FFF2-40B4-BE49-F238E27FC236}">
                  <a16:creationId xmlns:a16="http://schemas.microsoft.com/office/drawing/2014/main" id="{21D08F9B-AA55-6BAB-AB5E-4C7E80F771D1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8" name="Freeform 37">
              <a:extLst>
                <a:ext uri="{FF2B5EF4-FFF2-40B4-BE49-F238E27FC236}">
                  <a16:creationId xmlns:a16="http://schemas.microsoft.com/office/drawing/2014/main" id="{8105444D-96EF-891E-25E9-B5E80D3DBB1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9" name="Freeform 38">
              <a:extLst>
                <a:ext uri="{FF2B5EF4-FFF2-40B4-BE49-F238E27FC236}">
                  <a16:creationId xmlns:a16="http://schemas.microsoft.com/office/drawing/2014/main" id="{08922EA0-BF54-1382-891A-8BB57C242376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71CD02F7-CE91-5B61-4D24-728AE36138CE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E349BB77-9DC6-1510-D1F5-E18CE50C76D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2" name="Freeform 44">
              <a:extLst>
                <a:ext uri="{FF2B5EF4-FFF2-40B4-BE49-F238E27FC236}">
                  <a16:creationId xmlns:a16="http://schemas.microsoft.com/office/drawing/2014/main" id="{8FAA97AC-5234-3FBC-0150-B0B7620036D1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 45">
              <a:extLst>
                <a:ext uri="{FF2B5EF4-FFF2-40B4-BE49-F238E27FC236}">
                  <a16:creationId xmlns:a16="http://schemas.microsoft.com/office/drawing/2014/main" id="{02267A44-B685-EBA5-3C38-1E2A2D4F1C62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46">
              <a:extLst>
                <a:ext uri="{FF2B5EF4-FFF2-40B4-BE49-F238E27FC236}">
                  <a16:creationId xmlns:a16="http://schemas.microsoft.com/office/drawing/2014/main" id="{52B9517E-FD81-74B0-50C7-099465C105DD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5" name="Freeform 47">
              <a:extLst>
                <a:ext uri="{FF2B5EF4-FFF2-40B4-BE49-F238E27FC236}">
                  <a16:creationId xmlns:a16="http://schemas.microsoft.com/office/drawing/2014/main" id="{6AD85C83-952C-2A47-7D86-0B36ACA6036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AD959958-83AB-E52C-CAD7-9889E6D39B66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7" name="Freeform 49">
              <a:extLst>
                <a:ext uri="{FF2B5EF4-FFF2-40B4-BE49-F238E27FC236}">
                  <a16:creationId xmlns:a16="http://schemas.microsoft.com/office/drawing/2014/main" id="{3C7C372C-D3C8-B535-4E52-E83E7E0938B5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506DF94C-8ACF-1597-C380-AE5C5A57D9C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9" name="Freeform 58">
              <a:extLst>
                <a:ext uri="{FF2B5EF4-FFF2-40B4-BE49-F238E27FC236}">
                  <a16:creationId xmlns:a16="http://schemas.microsoft.com/office/drawing/2014/main" id="{023706BA-4DA3-8793-D545-87417C42825A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0" name="Freeform 61">
              <a:extLst>
                <a:ext uri="{FF2B5EF4-FFF2-40B4-BE49-F238E27FC236}">
                  <a16:creationId xmlns:a16="http://schemas.microsoft.com/office/drawing/2014/main" id="{2201F48B-FA87-23E0-1F9C-931335E1F1F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1" name="Freeform 62">
              <a:extLst>
                <a:ext uri="{FF2B5EF4-FFF2-40B4-BE49-F238E27FC236}">
                  <a16:creationId xmlns:a16="http://schemas.microsoft.com/office/drawing/2014/main" id="{7A8A9104-1F54-1ED4-18E9-488BDB9CE5F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 63">
              <a:extLst>
                <a:ext uri="{FF2B5EF4-FFF2-40B4-BE49-F238E27FC236}">
                  <a16:creationId xmlns:a16="http://schemas.microsoft.com/office/drawing/2014/main" id="{4983A667-EEDB-9A27-192B-91A1390EC9F5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9A94C4DD-50FB-F47E-BB39-401510F1741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4" name="Freeform 65">
              <a:extLst>
                <a:ext uri="{FF2B5EF4-FFF2-40B4-BE49-F238E27FC236}">
                  <a16:creationId xmlns:a16="http://schemas.microsoft.com/office/drawing/2014/main" id="{D3519D9C-C859-C616-F95B-874DCC46DC86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2490AD32-0036-4B6A-3376-3106BCA18E7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6" name="Freeform 67">
              <a:extLst>
                <a:ext uri="{FF2B5EF4-FFF2-40B4-BE49-F238E27FC236}">
                  <a16:creationId xmlns:a16="http://schemas.microsoft.com/office/drawing/2014/main" id="{2F4491DF-CDE2-30AA-A12E-22E24C23CB5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B2471DD7-1744-C21A-0FCE-237F3C7E675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8" name="Freeform 70">
              <a:extLst>
                <a:ext uri="{FF2B5EF4-FFF2-40B4-BE49-F238E27FC236}">
                  <a16:creationId xmlns:a16="http://schemas.microsoft.com/office/drawing/2014/main" id="{3F63CFA2-B578-D3F9-5EC6-A8EE5165A76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9" name="Freeform 71">
              <a:extLst>
                <a:ext uri="{FF2B5EF4-FFF2-40B4-BE49-F238E27FC236}">
                  <a16:creationId xmlns:a16="http://schemas.microsoft.com/office/drawing/2014/main" id="{FEC2E90F-8A6A-935D-AEF9-D3B05C605C5A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10" name="Dynamic legal" descr="{&quot;templafy&quot;:{&quot;id&quot;:&quot;2ec25559-2104-49ff-913d-2b29352f3472&quot;}}">
            <a:extLst>
              <a:ext uri="{FF2B5EF4-FFF2-40B4-BE49-F238E27FC236}">
                <a16:creationId xmlns:a16="http://schemas.microsoft.com/office/drawing/2014/main" id="{BA44C268-1404-88E4-1C9A-5E286ED0D67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33899466-38ef-42e0-b935-7397738d81b9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26F73FA1-9D6B-45C6-8E8E-D6C214B921F7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5325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619ECCB1-3D70-4A9E-8D47-3CD429606189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66488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FF4D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DCFE0B5-E689-B247-4487-E082091B1DA5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FAA163"/>
          </a:solidFill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06EA70ED-0DD1-4363-CDC3-711BF969B001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1" name="Freeform 6">
              <a:extLst>
                <a:ext uri="{FF2B5EF4-FFF2-40B4-BE49-F238E27FC236}">
                  <a16:creationId xmlns:a16="http://schemas.microsoft.com/office/drawing/2014/main" id="{97B2B0A6-39C3-03D6-702E-571B6F96F0CD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2" name="Freeform 8">
              <a:extLst>
                <a:ext uri="{FF2B5EF4-FFF2-40B4-BE49-F238E27FC236}">
                  <a16:creationId xmlns:a16="http://schemas.microsoft.com/office/drawing/2014/main" id="{8473840E-AD0B-A0CA-BA51-A8A6A5FEF24B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3" name="Freeform 9">
              <a:extLst>
                <a:ext uri="{FF2B5EF4-FFF2-40B4-BE49-F238E27FC236}">
                  <a16:creationId xmlns:a16="http://schemas.microsoft.com/office/drawing/2014/main" id="{8E1C9BF5-85C1-4DD0-3B1F-590A3F106C10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4" name="Freeform 10">
              <a:extLst>
                <a:ext uri="{FF2B5EF4-FFF2-40B4-BE49-F238E27FC236}">
                  <a16:creationId xmlns:a16="http://schemas.microsoft.com/office/drawing/2014/main" id="{22A26164-6662-3487-C801-20B11E38AE61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8ED95FBA-A6FD-38B7-5D70-E0A3576CD1F4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18753D9E-D19A-6AAC-4DE5-C54D49CE74A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7" name="Freeform 15">
              <a:extLst>
                <a:ext uri="{FF2B5EF4-FFF2-40B4-BE49-F238E27FC236}">
                  <a16:creationId xmlns:a16="http://schemas.microsoft.com/office/drawing/2014/main" id="{FED6DD19-98E9-6201-BE6C-E23020FC6860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8" name="Freeform 16">
              <a:extLst>
                <a:ext uri="{FF2B5EF4-FFF2-40B4-BE49-F238E27FC236}">
                  <a16:creationId xmlns:a16="http://schemas.microsoft.com/office/drawing/2014/main" id="{C4BC9A37-1226-E7F0-5658-85F50C7AA6ED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9" name="Freeform 17">
              <a:extLst>
                <a:ext uri="{FF2B5EF4-FFF2-40B4-BE49-F238E27FC236}">
                  <a16:creationId xmlns:a16="http://schemas.microsoft.com/office/drawing/2014/main" id="{BDC9216C-66C7-56A8-F253-4832F8694AF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3AE614C3-A72C-E459-9AC7-92285B34899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1" name="Freeform 22">
              <a:extLst>
                <a:ext uri="{FF2B5EF4-FFF2-40B4-BE49-F238E27FC236}">
                  <a16:creationId xmlns:a16="http://schemas.microsoft.com/office/drawing/2014/main" id="{BC4339C7-9723-8DF6-2325-6193D2BA91FB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2" name="Freeform 25">
              <a:extLst>
                <a:ext uri="{FF2B5EF4-FFF2-40B4-BE49-F238E27FC236}">
                  <a16:creationId xmlns:a16="http://schemas.microsoft.com/office/drawing/2014/main" id="{A256CE26-139D-71D8-48EC-90F82445200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3" name="Freeform 26">
              <a:extLst>
                <a:ext uri="{FF2B5EF4-FFF2-40B4-BE49-F238E27FC236}">
                  <a16:creationId xmlns:a16="http://schemas.microsoft.com/office/drawing/2014/main" id="{4001FA58-1AD5-5CA8-23C7-7873BA5680F2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4" name="Freeform 27">
              <a:extLst>
                <a:ext uri="{FF2B5EF4-FFF2-40B4-BE49-F238E27FC236}">
                  <a16:creationId xmlns:a16="http://schemas.microsoft.com/office/drawing/2014/main" id="{1DCF6FB6-019E-BCB1-F073-41467B48D84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29">
              <a:extLst>
                <a:ext uri="{FF2B5EF4-FFF2-40B4-BE49-F238E27FC236}">
                  <a16:creationId xmlns:a16="http://schemas.microsoft.com/office/drawing/2014/main" id="{55B0B961-F4E1-8773-34E3-E454FCFD8667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CEB8868E-5F4F-457F-4430-172741B67274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7" name="Freeform 36">
              <a:extLst>
                <a:ext uri="{FF2B5EF4-FFF2-40B4-BE49-F238E27FC236}">
                  <a16:creationId xmlns:a16="http://schemas.microsoft.com/office/drawing/2014/main" id="{3F9DFECE-5FD1-BF94-C9D9-82F1E6F6883F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8" name="Freeform 37">
              <a:extLst>
                <a:ext uri="{FF2B5EF4-FFF2-40B4-BE49-F238E27FC236}">
                  <a16:creationId xmlns:a16="http://schemas.microsoft.com/office/drawing/2014/main" id="{5566E7D7-2E64-C7A7-E60B-F66948E0157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9" name="Freeform 38">
              <a:extLst>
                <a:ext uri="{FF2B5EF4-FFF2-40B4-BE49-F238E27FC236}">
                  <a16:creationId xmlns:a16="http://schemas.microsoft.com/office/drawing/2014/main" id="{10E09475-027E-5A71-E5A1-12956048B585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86DEDAD5-8232-ACD0-D0B0-895F5EE926B0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244A3A8A-671B-DCD9-6422-A9E854DD6B5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2" name="Freeform 44">
              <a:extLst>
                <a:ext uri="{FF2B5EF4-FFF2-40B4-BE49-F238E27FC236}">
                  <a16:creationId xmlns:a16="http://schemas.microsoft.com/office/drawing/2014/main" id="{15F15320-098C-B994-A9ED-BBA25FEACC97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 45">
              <a:extLst>
                <a:ext uri="{FF2B5EF4-FFF2-40B4-BE49-F238E27FC236}">
                  <a16:creationId xmlns:a16="http://schemas.microsoft.com/office/drawing/2014/main" id="{6EC8D73D-740E-A761-0A01-29DDA88AE35C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46">
              <a:extLst>
                <a:ext uri="{FF2B5EF4-FFF2-40B4-BE49-F238E27FC236}">
                  <a16:creationId xmlns:a16="http://schemas.microsoft.com/office/drawing/2014/main" id="{C13FF9D5-D135-EE5A-E5FE-F3E1FCDB09BD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5" name="Freeform 47">
              <a:extLst>
                <a:ext uri="{FF2B5EF4-FFF2-40B4-BE49-F238E27FC236}">
                  <a16:creationId xmlns:a16="http://schemas.microsoft.com/office/drawing/2014/main" id="{91485A8A-115D-83EB-2632-9DFC07E85DF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2DAFBE75-D269-2E60-38EB-E360457D563A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7" name="Freeform 49">
              <a:extLst>
                <a:ext uri="{FF2B5EF4-FFF2-40B4-BE49-F238E27FC236}">
                  <a16:creationId xmlns:a16="http://schemas.microsoft.com/office/drawing/2014/main" id="{CD50D341-55DC-86B1-6565-1BC1F811438F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674C5059-AAC7-8AC0-E117-784F4C2156A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9" name="Freeform 58">
              <a:extLst>
                <a:ext uri="{FF2B5EF4-FFF2-40B4-BE49-F238E27FC236}">
                  <a16:creationId xmlns:a16="http://schemas.microsoft.com/office/drawing/2014/main" id="{076F7378-B237-8F3F-8D1E-2E95152148B0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0" name="Freeform 61">
              <a:extLst>
                <a:ext uri="{FF2B5EF4-FFF2-40B4-BE49-F238E27FC236}">
                  <a16:creationId xmlns:a16="http://schemas.microsoft.com/office/drawing/2014/main" id="{130C1B1E-CD14-4565-3CD6-CE048785E60F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1" name="Freeform 62">
              <a:extLst>
                <a:ext uri="{FF2B5EF4-FFF2-40B4-BE49-F238E27FC236}">
                  <a16:creationId xmlns:a16="http://schemas.microsoft.com/office/drawing/2014/main" id="{77243AB7-3201-DA7E-1891-6D22BA83A3E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 63">
              <a:extLst>
                <a:ext uri="{FF2B5EF4-FFF2-40B4-BE49-F238E27FC236}">
                  <a16:creationId xmlns:a16="http://schemas.microsoft.com/office/drawing/2014/main" id="{796BEBDD-59D9-0D5E-E20D-599888175AFE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943BE181-D755-08FC-1BC1-E76A87AE2F89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4" name="Freeform 65">
              <a:extLst>
                <a:ext uri="{FF2B5EF4-FFF2-40B4-BE49-F238E27FC236}">
                  <a16:creationId xmlns:a16="http://schemas.microsoft.com/office/drawing/2014/main" id="{372004BE-AFC8-D107-F82E-A3AF2B984C06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C0FCD4CB-0CE4-F430-DEB3-83152BBF44D6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6" name="Freeform 67">
              <a:extLst>
                <a:ext uri="{FF2B5EF4-FFF2-40B4-BE49-F238E27FC236}">
                  <a16:creationId xmlns:a16="http://schemas.microsoft.com/office/drawing/2014/main" id="{F580D5DF-7285-2D50-501E-0225FB24393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74E3BF9F-BECD-EC0D-E199-929E9E2F2D0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8" name="Freeform 70">
              <a:extLst>
                <a:ext uri="{FF2B5EF4-FFF2-40B4-BE49-F238E27FC236}">
                  <a16:creationId xmlns:a16="http://schemas.microsoft.com/office/drawing/2014/main" id="{98682E4B-0098-AB96-04D1-90B78ADC322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9" name="Freeform 71">
              <a:extLst>
                <a:ext uri="{FF2B5EF4-FFF2-40B4-BE49-F238E27FC236}">
                  <a16:creationId xmlns:a16="http://schemas.microsoft.com/office/drawing/2014/main" id="{5C5DFC7A-DFC2-4E09-7120-7D3358E1AE50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10" name="Dynamic legal" descr="{&quot;templafy&quot;:{&quot;id&quot;:&quot;f500b31c-0322-44b2-8802-634c356267e0&quot;}}">
            <a:extLst>
              <a:ext uri="{FF2B5EF4-FFF2-40B4-BE49-F238E27FC236}">
                <a16:creationId xmlns:a16="http://schemas.microsoft.com/office/drawing/2014/main" id="{33DEA34F-FEC0-29DD-4475-C3D3B9C0C72C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11" name="Dynmic Internal use only" descr="{&quot;templafy&quot;:{&quot;id&quot;:&quot;0412309f-880a-4c91-8b0c-27b47ad4bbb9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9B16330F-B72C-E998-B31F-EDBE5C7C4D6B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76D3D1BA-BE6A-4ECC-982C-CF2F40473536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8489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093A3340-1A42-61D7-8D5C-9DD7E3936ACC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572900" y="0"/>
            <a:ext cx="4571100" cy="6678000"/>
          </a:xfrm>
          <a:custGeom>
            <a:avLst/>
            <a:gdLst>
              <a:gd name="connsiteX0" fmla="*/ 0 w 6094800"/>
              <a:gd name="connsiteY0" fmla="*/ 0 h 6678000"/>
              <a:gd name="connsiteX1" fmla="*/ 6094800 w 6094800"/>
              <a:gd name="connsiteY1" fmla="*/ 0 h 6678000"/>
              <a:gd name="connsiteX2" fmla="*/ 6094800 w 6094800"/>
              <a:gd name="connsiteY2" fmla="*/ 6678000 h 6678000"/>
              <a:gd name="connsiteX3" fmla="*/ 0 w 6094800"/>
              <a:gd name="connsiteY3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094800" h="6678000">
                <a:moveTo>
                  <a:pt x="0" y="0"/>
                </a:moveTo>
                <a:lnTo>
                  <a:pt x="6094800" y="0"/>
                </a:lnTo>
                <a:lnTo>
                  <a:pt x="6094800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11" name="Dynamic legal" descr="{&quot;templafy&quot;:{&quot;id&quot;:&quot;ea15f2d3-b815-4fbf-849a-88079c3031ba&quot;}}">
            <a:extLst>
              <a:ext uri="{FF2B5EF4-FFF2-40B4-BE49-F238E27FC236}">
                <a16:creationId xmlns:a16="http://schemas.microsoft.com/office/drawing/2014/main" id="{E8D3143F-5189-5DF7-BA08-CAA5EF556D00}"/>
              </a:ext>
            </a:extLst>
          </p:cNvPr>
          <p:cNvSpPr txBox="1"/>
          <p:nvPr userDrawn="1"/>
        </p:nvSpPr>
        <p:spPr>
          <a:xfrm>
            <a:off x="-1191" y="6699516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4" name="Dynmic Internal use only" descr="{&quot;templafy&quot;:{&quot;id&quot;:&quot;ae48a1e2-e43f-417f-b2cc-c33751e32bd4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6868431F-84E3-459E-7645-52508A27521D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79CE2367-9FB1-A30D-10D7-6426F69F88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128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FFFB3AB1-876A-432A-B9C9-A577E1DB35D5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809669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FA98F2CF-80FA-91C9-9C37-76C06E2270DE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2686023" y="0"/>
            <a:ext cx="6457977" cy="6678000"/>
          </a:xfrm>
          <a:custGeom>
            <a:avLst/>
            <a:gdLst>
              <a:gd name="connsiteX0" fmla="*/ 0 w 8610636"/>
              <a:gd name="connsiteY0" fmla="*/ 0 h 6678000"/>
              <a:gd name="connsiteX1" fmla="*/ 8610636 w 8610636"/>
              <a:gd name="connsiteY1" fmla="*/ 0 h 6678000"/>
              <a:gd name="connsiteX2" fmla="*/ 8610636 w 8610636"/>
              <a:gd name="connsiteY2" fmla="*/ 6678000 h 6678000"/>
              <a:gd name="connsiteX3" fmla="*/ 4104771 w 8610636"/>
              <a:gd name="connsiteY3" fmla="*/ 6678000 h 6678000"/>
              <a:gd name="connsiteX4" fmla="*/ 4119976 w 8610636"/>
              <a:gd name="connsiteY4" fmla="*/ 6288074 h 6678000"/>
              <a:gd name="connsiteX5" fmla="*/ 1279486 w 8610636"/>
              <a:gd name="connsiteY5" fmla="*/ 740634 h 6678000"/>
              <a:gd name="connsiteX6" fmla="*/ 22298 w 8610636"/>
              <a:gd name="connsiteY6" fmla="*/ 9481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8610636" h="6678000">
                <a:moveTo>
                  <a:pt x="0" y="0"/>
                </a:moveTo>
                <a:lnTo>
                  <a:pt x="8610636" y="0"/>
                </a:lnTo>
                <a:lnTo>
                  <a:pt x="8610636" y="6678000"/>
                </a:lnTo>
                <a:lnTo>
                  <a:pt x="4104771" y="6678000"/>
                </a:lnTo>
                <a:lnTo>
                  <a:pt x="4119976" y="6288074"/>
                </a:lnTo>
                <a:cubicBezTo>
                  <a:pt x="4135895" y="4179220"/>
                  <a:pt x="3158491" y="2102204"/>
                  <a:pt x="1279486" y="740634"/>
                </a:cubicBezTo>
                <a:cubicBezTo>
                  <a:pt x="879946" y="451189"/>
                  <a:pt x="458598" y="207786"/>
                  <a:pt x="22298" y="9481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4536000" tIns="0" rIns="0" anchor="ctr" anchorCtr="0">
            <a:noAutofit/>
          </a:bodyPr>
          <a:lstStyle>
            <a:lvl1pPr marL="0" indent="0" algn="l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10" name="Dynamic legal" descr="{&quot;templafy&quot;:{&quot;id&quot;:&quot;1222b19a-691b-44f8-b80a-4830c9b5a354&quot;}}">
            <a:extLst>
              <a:ext uri="{FF2B5EF4-FFF2-40B4-BE49-F238E27FC236}">
                <a16:creationId xmlns:a16="http://schemas.microsoft.com/office/drawing/2014/main" id="{C7F84DF7-D681-00DC-9BE7-0B55A0CB1110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8" name="Dynmic Internal use only" descr="{&quot;templafy&quot;:{&quot;id&quot;:&quot;cc924a3c-8d63-428c-b6c1-1adac1a1e2f7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1EC3995F-7118-BB94-E453-B189BA65B21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DE290701-38EF-D177-6AF7-5E8375E05B2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128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C37FEA25-51BF-4998-A297-66DE4BB68655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54982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86049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977655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7690D69E-A092-71E3-EE69-0F397D7CDEB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799200"/>
            <a:ext cx="8594100" cy="3096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1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86049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6325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  <p15:guide id="3" orient="horz" pos="503">
          <p15:clr>
            <a:srgbClr val="A4A3A4"/>
          </p15:clr>
        </p15:guide>
      </p15:sldGuideLst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63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6" name="Content Placeholder 6">
            <a:extLst>
              <a:ext uri="{FF2B5EF4-FFF2-40B4-BE49-F238E27FC236}">
                <a16:creationId xmlns:a16="http://schemas.microsoft.com/office/drawing/2014/main" id="{09321395-6E8C-5A2E-4072-17DE8B1C82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638600" y="1548000"/>
            <a:ext cx="42363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02501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+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401DCE1F-3AC2-DDC3-E9A6-9C4EDBA5E8F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799200"/>
            <a:ext cx="8594100" cy="3096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1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63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6" name="Content Placeholder 6">
            <a:extLst>
              <a:ext uri="{FF2B5EF4-FFF2-40B4-BE49-F238E27FC236}">
                <a16:creationId xmlns:a16="http://schemas.microsoft.com/office/drawing/2014/main" id="{09321395-6E8C-5A2E-4072-17DE8B1C82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638600" y="1548000"/>
            <a:ext cx="4236300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Enter &amp; TAB to view next text style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10457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  <p15:guide id="3" orient="horz" pos="503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037EB7-7A36-D8E2-02CC-749D8CB3F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9841" y="457200"/>
            <a:ext cx="2949178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2C83CD-C860-00EB-932A-D31384975C2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887391" y="987426"/>
            <a:ext cx="462915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122020D6-2495-A29C-DAC2-F0076F1846D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29841" y="2057400"/>
            <a:ext cx="2949178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8" name="Slide Number Placeholder 8">
            <a:extLst>
              <a:ext uri="{FF2B5EF4-FFF2-40B4-BE49-F238E27FC236}">
                <a16:creationId xmlns:a16="http://schemas.microsoft.com/office/drawing/2014/main" id="{EEE87AA4-5265-67EB-625C-9E2FD287542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3A350ACE-0C34-32C1-6BDA-511D5AE68335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D8B7B044-1525-40D6-B6D7-9C4F1B0727C5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13184505"/>
      </p:ext>
    </p:extLst>
  </p:cSld>
  <p:clrMapOvr>
    <a:masterClrMapping/>
  </p:clrMapOvr>
  <p:transition/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70000" y="1548000"/>
            <a:ext cx="2778300" cy="43776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183300" y="1548000"/>
            <a:ext cx="2778300" cy="43776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096600" y="1548000"/>
            <a:ext cx="2778300" cy="43776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7908891-190B-6BC3-437F-0AC310A7747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A71E20-872F-F5BC-E21E-27661D22194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139052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3">
          <p15:clr>
            <a:srgbClr val="A4A3A4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392C5249-9040-41B4-1E81-409B0CBABD8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638676" y="0"/>
            <a:ext cx="4505324" cy="6678000"/>
          </a:xfrm>
          <a:custGeom>
            <a:avLst/>
            <a:gdLst>
              <a:gd name="connsiteX0" fmla="*/ 0 w 6007098"/>
              <a:gd name="connsiteY0" fmla="*/ 0 h 6678000"/>
              <a:gd name="connsiteX1" fmla="*/ 6007098 w 6007098"/>
              <a:gd name="connsiteY1" fmla="*/ 0 h 6678000"/>
              <a:gd name="connsiteX2" fmla="*/ 6007098 w 6007098"/>
              <a:gd name="connsiteY2" fmla="*/ 6678000 h 6678000"/>
              <a:gd name="connsiteX3" fmla="*/ 0 w 6007098"/>
              <a:gd name="connsiteY3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6007098" h="6678000">
                <a:moveTo>
                  <a:pt x="0" y="0"/>
                </a:moveTo>
                <a:lnTo>
                  <a:pt x="6007098" y="0"/>
                </a:lnTo>
                <a:lnTo>
                  <a:pt x="6007098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5325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366147" y="6318000"/>
            <a:ext cx="204767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5497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143DDFEA-7FDA-2AAD-1A0F-C08F96949B4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639866" y="356400"/>
            <a:ext cx="4235034" cy="556560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5325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1A6B237-376D-FBB9-C58C-BDD6F632CABF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265F2533-8E44-99FF-9158-86A94D16860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36605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C22FDDB-B6BB-2D1D-4EB4-8E54F77638B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5189096" y="0"/>
            <a:ext cx="3954905" cy="6678000"/>
          </a:xfrm>
          <a:custGeom>
            <a:avLst/>
            <a:gdLst>
              <a:gd name="connsiteX0" fmla="*/ 1004362 w 5273207"/>
              <a:gd name="connsiteY0" fmla="*/ 0 h 6678000"/>
              <a:gd name="connsiteX1" fmla="*/ 5273207 w 5273207"/>
              <a:gd name="connsiteY1" fmla="*/ 0 h 6678000"/>
              <a:gd name="connsiteX2" fmla="*/ 5273207 w 5273207"/>
              <a:gd name="connsiteY2" fmla="*/ 6678000 h 6678000"/>
              <a:gd name="connsiteX3" fmla="*/ 0 w 5273207"/>
              <a:gd name="connsiteY3" fmla="*/ 6678000 h 6678000"/>
              <a:gd name="connsiteX4" fmla="*/ 23422 w 5273207"/>
              <a:gd name="connsiteY4" fmla="*/ 6301100 h 6678000"/>
              <a:gd name="connsiteX5" fmla="*/ 1022090 w 5273207"/>
              <a:gd name="connsiteY5" fmla="*/ 15687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5273207" h="6678000">
                <a:moveTo>
                  <a:pt x="1004362" y="0"/>
                </a:moveTo>
                <a:lnTo>
                  <a:pt x="5273207" y="0"/>
                </a:lnTo>
                <a:lnTo>
                  <a:pt x="5273207" y="6678000"/>
                </a:lnTo>
                <a:lnTo>
                  <a:pt x="0" y="6678000"/>
                </a:lnTo>
                <a:lnTo>
                  <a:pt x="23422" y="6301100"/>
                </a:lnTo>
                <a:cubicBezTo>
                  <a:pt x="204269" y="4293714"/>
                  <a:pt x="1188942" y="2196400"/>
                  <a:pt x="1022090" y="156870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720000" anchor="ctr" anchorCtr="0">
            <a:noAutofit/>
          </a:bodyPr>
          <a:lstStyle>
            <a:lvl1pPr marL="0" indent="0" algn="ct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4235325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FACA5C-F2B6-2F2B-EB7F-13BB200FF8A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70000" y="1548000"/>
            <a:ext cx="4235325" cy="437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Click to add text                                                                                                                                Enter &amp; TAB to view next text style                                                                                                           SHIFT+TAB to view previous text style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  <a:p>
            <a:pPr lvl="5"/>
            <a:r>
              <a:rPr lang="en-US" noProof="0" dirty="0"/>
              <a:t>6</a:t>
            </a:r>
            <a:endParaRPr lang="en-US"/>
          </a:p>
          <a:p>
            <a:pPr lvl="6"/>
            <a:r>
              <a:rPr lang="en-US" noProof="0" dirty="0"/>
              <a:t>7</a:t>
            </a:r>
            <a:endParaRPr lang="en-US"/>
          </a:p>
          <a:p>
            <a:pPr lvl="7"/>
            <a:r>
              <a:rPr lang="en-US" noProof="0" dirty="0"/>
              <a:t>8</a:t>
            </a:r>
            <a:endParaRPr lang="en-US"/>
          </a:p>
          <a:p>
            <a:pPr lvl="8"/>
            <a:r>
              <a:rPr lang="en-US" noProof="0" dirty="0"/>
              <a:t>9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5366147" y="6318000"/>
            <a:ext cx="204767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804969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2778300" cy="2610000"/>
          </a:xfrm>
        </p:spPr>
        <p:txBody>
          <a:bodyPr/>
          <a:lstStyle>
            <a:lvl1pPr>
              <a:defRPr sz="1800"/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70000" y="33156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183300" y="3600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3183300" y="33156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DDB3A432-B5B7-1DB6-A154-728FC5E0DDA2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6096600" y="3600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A5080388-917E-C36A-04A1-C8069CBFA980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6096600" y="3315600"/>
            <a:ext cx="2778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              Enter &amp; TAB to view next text style                            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31C8A68B-09F1-8A01-0B41-B749EB75BDF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D4DB7C6-4824-1E64-7E62-3A8BAB08238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15966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3">
          <p15:clr>
            <a:srgbClr val="A4A3A4"/>
          </p15:clr>
        </p15:guide>
        <p15:guide id="3" orient="horz" pos="2088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Rep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2049300" cy="2610000"/>
          </a:xfrm>
        </p:spPr>
        <p:txBody>
          <a:bodyPr/>
          <a:lstStyle>
            <a:lvl1pPr>
              <a:defRPr sz="1800"/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70000" y="33156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ED1EC185-5B12-41DF-8263-14BD8E01E25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2454300" y="3600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B51A870A-B49A-41AB-A520-9F693B2A477E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2454300" y="33156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DDB3A432-B5B7-1DB6-A154-728FC5E0DDA2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4639866" y="3600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A5080388-917E-C36A-04A1-C8069CBFA980}"/>
              </a:ext>
            </a:extLst>
          </p:cNvPr>
          <p:cNvSpPr>
            <a:spLocks noGrp="1"/>
          </p:cNvSpPr>
          <p:nvPr>
            <p:ph sz="half" idx="18" hasCustomPrompt="1"/>
          </p:nvPr>
        </p:nvSpPr>
        <p:spPr>
          <a:xfrm>
            <a:off x="4639866" y="33156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31C8A68B-09F1-8A01-0B41-B749EB75BDF9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7D4DB7C6-4824-1E64-7E62-3A8BAB08238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Content Placeholder 4">
            <a:extLst>
              <a:ext uri="{FF2B5EF4-FFF2-40B4-BE49-F238E27FC236}">
                <a16:creationId xmlns:a16="http://schemas.microsoft.com/office/drawing/2014/main" id="{3DBDC930-EF32-F81E-E492-F1792A03922C}"/>
              </a:ext>
            </a:extLst>
          </p:cNvPr>
          <p:cNvSpPr>
            <a:spLocks noGrp="1"/>
          </p:cNvSpPr>
          <p:nvPr>
            <p:ph sz="half" idx="22" hasCustomPrompt="1"/>
          </p:nvPr>
        </p:nvSpPr>
        <p:spPr>
          <a:xfrm>
            <a:off x="6825600" y="3600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1FBB305-A006-8062-DB21-A7051AB973F8}"/>
              </a:ext>
            </a:extLst>
          </p:cNvPr>
          <p:cNvSpPr>
            <a:spLocks noGrp="1"/>
          </p:cNvSpPr>
          <p:nvPr>
            <p:ph sz="half" idx="23" hasCustomPrompt="1"/>
          </p:nvPr>
        </p:nvSpPr>
        <p:spPr>
          <a:xfrm>
            <a:off x="6825600" y="3315600"/>
            <a:ext cx="2049300" cy="261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           Enter &amp; TAB to view next text style             SHIFT+TAB to view previous text style</a:t>
            </a:r>
            <a:endParaRPr lang="en-US"/>
          </a:p>
          <a:p>
            <a:pPr lvl="1"/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1518404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3">
          <p15:clr>
            <a:srgbClr val="A4A3A4"/>
          </p15:clr>
        </p15:guide>
        <p15:guide id="3" orient="horz" pos="2088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Editori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9144000" cy="6858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accent1"/>
              </a:solidFill>
            </a:endParaRPr>
          </a:p>
        </p:txBody>
      </p:sp>
      <p:sp>
        <p:nvSpPr>
          <p:cNvPr id="7" name="Freeform 5">
            <a:extLst>
              <a:ext uri="{FF2B5EF4-FFF2-40B4-BE49-F238E27FC236}">
                <a16:creationId xmlns:a16="http://schemas.microsoft.com/office/drawing/2014/main" id="{E4699E2A-611B-A40B-7262-67592C0A26FB}"/>
              </a:ext>
            </a:extLst>
          </p:cNvPr>
          <p:cNvSpPr>
            <a:spLocks noChangeAspect="1"/>
          </p:cNvSpPr>
          <p:nvPr userDrawn="1"/>
        </p:nvSpPr>
        <p:spPr bwMode="auto">
          <a:xfrm>
            <a:off x="5305500" y="572400"/>
            <a:ext cx="3349195" cy="3801600"/>
          </a:xfrm>
          <a:custGeom>
            <a:avLst/>
            <a:gdLst>
              <a:gd name="T0" fmla="*/ 2236 w 2539"/>
              <a:gd name="T1" fmla="*/ 923 h 1785"/>
              <a:gd name="T2" fmla="*/ 2539 w 2539"/>
              <a:gd name="T3" fmla="*/ 0 h 1785"/>
              <a:gd name="T4" fmla="*/ 1358 w 2539"/>
              <a:gd name="T5" fmla="*/ 70 h 1785"/>
              <a:gd name="T6" fmla="*/ 1358 w 2539"/>
              <a:gd name="T7" fmla="*/ 70 h 1785"/>
              <a:gd name="T8" fmla="*/ 433 w 2539"/>
              <a:gd name="T9" fmla="*/ 493 h 1785"/>
              <a:gd name="T10" fmla="*/ 133 w 2539"/>
              <a:gd name="T11" fmla="*/ 1785 h 1785"/>
              <a:gd name="T12" fmla="*/ 2236 w 2539"/>
              <a:gd name="T13" fmla="*/ 923 h 17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2539" h="1785">
                <a:moveTo>
                  <a:pt x="2236" y="923"/>
                </a:moveTo>
                <a:cubicBezTo>
                  <a:pt x="2412" y="644"/>
                  <a:pt x="2485" y="348"/>
                  <a:pt x="2539" y="0"/>
                </a:cubicBezTo>
                <a:cubicBezTo>
                  <a:pt x="2122" y="57"/>
                  <a:pt x="1752" y="49"/>
                  <a:pt x="1358" y="70"/>
                </a:cubicBezTo>
                <a:cubicBezTo>
                  <a:pt x="1358" y="70"/>
                  <a:pt x="1358" y="70"/>
                  <a:pt x="1358" y="70"/>
                </a:cubicBezTo>
                <a:cubicBezTo>
                  <a:pt x="1018" y="82"/>
                  <a:pt x="683" y="224"/>
                  <a:pt x="433" y="493"/>
                </a:cubicBezTo>
                <a:cubicBezTo>
                  <a:pt x="98" y="852"/>
                  <a:pt x="0" y="1347"/>
                  <a:pt x="133" y="1785"/>
                </a:cubicBezTo>
                <a:cubicBezTo>
                  <a:pt x="737" y="1392"/>
                  <a:pt x="1809" y="1629"/>
                  <a:pt x="2236" y="923"/>
                </a:cubicBezTo>
              </a:path>
            </a:pathLst>
          </a:custGeom>
          <a:noFill/>
          <a:ln w="234950" cap="flat">
            <a:solidFill>
              <a:srgbClr val="0033FF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2" name="Dynamic legal" descr="{&quot;templafy&quot;:{&quot;id&quot;:&quot;c351a2f9-c758-4427-9f01-0b1afa2aeb21&quot;}}">
            <a:extLst>
              <a:ext uri="{FF2B5EF4-FFF2-40B4-BE49-F238E27FC236}">
                <a16:creationId xmlns:a16="http://schemas.microsoft.com/office/drawing/2014/main" id="{44650877-32D6-7E1B-F6ED-1DE6A3CC5339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9" name="Dynmic Internal use only" descr="{&quot;templafy&quot;:{&quot;id&quot;:&quot;58ade086-cf59-47ec-8084-f43efbda0f70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826ABC8B-D401-B48B-E360-DA971C9561F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1584F6CB-29A1-7808-AF1C-5572632F82B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11" name="Title 10">
            <a:extLst>
              <a:ext uri="{FF2B5EF4-FFF2-40B4-BE49-F238E27FC236}">
                <a16:creationId xmlns:a16="http://schemas.microsoft.com/office/drawing/2014/main" id="{9B5E0337-74F5-4572-A0BC-0CB01539BB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720000"/>
            <a:ext cx="4962600" cy="5205600"/>
          </a:xfrm>
        </p:spPr>
        <p:txBody>
          <a:bodyPr anchor="ctr" anchorCtr="0"/>
          <a:lstStyle>
            <a:lvl1pPr>
              <a:defRPr sz="405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AE59745-F918-859C-7D59-276B365808B8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029196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Editori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91440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Freeform 5">
            <a:extLst>
              <a:ext uri="{FF2B5EF4-FFF2-40B4-BE49-F238E27FC236}">
                <a16:creationId xmlns:a16="http://schemas.microsoft.com/office/drawing/2014/main" id="{F17530DC-C270-8440-B406-E54DC6D4D3C4}"/>
              </a:ext>
            </a:extLst>
          </p:cNvPr>
          <p:cNvSpPr>
            <a:spLocks noChangeAspect="1"/>
          </p:cNvSpPr>
          <p:nvPr userDrawn="1"/>
        </p:nvSpPr>
        <p:spPr bwMode="auto">
          <a:xfrm>
            <a:off x="5305500" y="572400"/>
            <a:ext cx="3349195" cy="3801600"/>
          </a:xfrm>
          <a:custGeom>
            <a:avLst/>
            <a:gdLst>
              <a:gd name="T0" fmla="*/ 2236 w 2539"/>
              <a:gd name="T1" fmla="*/ 923 h 1785"/>
              <a:gd name="T2" fmla="*/ 2539 w 2539"/>
              <a:gd name="T3" fmla="*/ 0 h 1785"/>
              <a:gd name="T4" fmla="*/ 1358 w 2539"/>
              <a:gd name="T5" fmla="*/ 70 h 1785"/>
              <a:gd name="T6" fmla="*/ 1358 w 2539"/>
              <a:gd name="T7" fmla="*/ 70 h 1785"/>
              <a:gd name="T8" fmla="*/ 433 w 2539"/>
              <a:gd name="T9" fmla="*/ 493 h 1785"/>
              <a:gd name="T10" fmla="*/ 133 w 2539"/>
              <a:gd name="T11" fmla="*/ 1785 h 1785"/>
              <a:gd name="T12" fmla="*/ 2236 w 2539"/>
              <a:gd name="T13" fmla="*/ 923 h 17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2539" h="1785">
                <a:moveTo>
                  <a:pt x="2236" y="923"/>
                </a:moveTo>
                <a:cubicBezTo>
                  <a:pt x="2412" y="644"/>
                  <a:pt x="2485" y="348"/>
                  <a:pt x="2539" y="0"/>
                </a:cubicBezTo>
                <a:cubicBezTo>
                  <a:pt x="2122" y="57"/>
                  <a:pt x="1752" y="49"/>
                  <a:pt x="1358" y="70"/>
                </a:cubicBezTo>
                <a:cubicBezTo>
                  <a:pt x="1358" y="70"/>
                  <a:pt x="1358" y="70"/>
                  <a:pt x="1358" y="70"/>
                </a:cubicBezTo>
                <a:cubicBezTo>
                  <a:pt x="1018" y="82"/>
                  <a:pt x="683" y="224"/>
                  <a:pt x="433" y="493"/>
                </a:cubicBezTo>
                <a:cubicBezTo>
                  <a:pt x="98" y="852"/>
                  <a:pt x="0" y="1347"/>
                  <a:pt x="133" y="1785"/>
                </a:cubicBezTo>
                <a:cubicBezTo>
                  <a:pt x="737" y="1392"/>
                  <a:pt x="1809" y="1629"/>
                  <a:pt x="2236" y="923"/>
                </a:cubicBezTo>
              </a:path>
            </a:pathLst>
          </a:custGeom>
          <a:noFill/>
          <a:ln w="234950" cap="flat">
            <a:solidFill>
              <a:srgbClr val="A1F7A1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7" name="Dynamic legal" descr="{&quot;templafy&quot;:{&quot;id&quot;:&quot;374ef5a9-379d-4e43-b92c-acdb4dd1eb3b&quot;}}">
            <a:extLst>
              <a:ext uri="{FF2B5EF4-FFF2-40B4-BE49-F238E27FC236}">
                <a16:creationId xmlns:a16="http://schemas.microsoft.com/office/drawing/2014/main" id="{750DA6EF-28FF-F861-908A-1BA155614866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0" name="Dynmic Internal use only" descr="{&quot;templafy&quot;:{&quot;id&quot;:&quot;30028349-fb4d-4707-851d-6cfb41e80793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DAF48A78-F623-3E25-C4D9-4B11ECABA5D2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1584F6CB-29A1-7808-AF1C-5572632F82B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9" name="Title 10">
            <a:extLst>
              <a:ext uri="{FF2B5EF4-FFF2-40B4-BE49-F238E27FC236}">
                <a16:creationId xmlns:a16="http://schemas.microsoft.com/office/drawing/2014/main" id="{8803E168-A7F5-7A70-1769-1664A5AE35D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720000"/>
            <a:ext cx="4962600" cy="5205600"/>
          </a:xfrm>
        </p:spPr>
        <p:txBody>
          <a:bodyPr anchor="ctr" anchorCtr="0"/>
          <a:lstStyle>
            <a:lvl1pPr>
              <a:defRPr sz="405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FF454A68-076E-4240-85BA-7EDB777D9DAD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AE59745-F918-859C-7D59-276B365808B8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24618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Editori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0F50793A-CEE2-4344-8BF2-10C43BA18820}"/>
              </a:ext>
            </a:extLst>
          </p:cNvPr>
          <p:cNvSpPr/>
          <p:nvPr userDrawn="1"/>
        </p:nvSpPr>
        <p:spPr>
          <a:xfrm>
            <a:off x="0" y="0"/>
            <a:ext cx="9144000" cy="6858000"/>
          </a:xfrm>
          <a:prstGeom prst="rect">
            <a:avLst/>
          </a:prstGeom>
          <a:solidFill>
            <a:srgbClr val="FF4D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accent1"/>
              </a:solidFill>
            </a:endParaRPr>
          </a:p>
        </p:txBody>
      </p:sp>
      <p:sp>
        <p:nvSpPr>
          <p:cNvPr id="2" name="Freeform 5">
            <a:extLst>
              <a:ext uri="{FF2B5EF4-FFF2-40B4-BE49-F238E27FC236}">
                <a16:creationId xmlns:a16="http://schemas.microsoft.com/office/drawing/2014/main" id="{0FAB332B-DE62-6465-7673-AEE0B8217C50}"/>
              </a:ext>
            </a:extLst>
          </p:cNvPr>
          <p:cNvSpPr>
            <a:spLocks noChangeAspect="1"/>
          </p:cNvSpPr>
          <p:nvPr userDrawn="1"/>
        </p:nvSpPr>
        <p:spPr bwMode="auto">
          <a:xfrm>
            <a:off x="5305500" y="572400"/>
            <a:ext cx="3349195" cy="3801600"/>
          </a:xfrm>
          <a:custGeom>
            <a:avLst/>
            <a:gdLst>
              <a:gd name="T0" fmla="*/ 2236 w 2539"/>
              <a:gd name="T1" fmla="*/ 923 h 1785"/>
              <a:gd name="T2" fmla="*/ 2539 w 2539"/>
              <a:gd name="T3" fmla="*/ 0 h 1785"/>
              <a:gd name="T4" fmla="*/ 1358 w 2539"/>
              <a:gd name="T5" fmla="*/ 70 h 1785"/>
              <a:gd name="T6" fmla="*/ 1358 w 2539"/>
              <a:gd name="T7" fmla="*/ 70 h 1785"/>
              <a:gd name="T8" fmla="*/ 433 w 2539"/>
              <a:gd name="T9" fmla="*/ 493 h 1785"/>
              <a:gd name="T10" fmla="*/ 133 w 2539"/>
              <a:gd name="T11" fmla="*/ 1785 h 1785"/>
              <a:gd name="T12" fmla="*/ 2236 w 2539"/>
              <a:gd name="T13" fmla="*/ 923 h 17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2539" h="1785">
                <a:moveTo>
                  <a:pt x="2236" y="923"/>
                </a:moveTo>
                <a:cubicBezTo>
                  <a:pt x="2412" y="644"/>
                  <a:pt x="2485" y="348"/>
                  <a:pt x="2539" y="0"/>
                </a:cubicBezTo>
                <a:cubicBezTo>
                  <a:pt x="2122" y="57"/>
                  <a:pt x="1752" y="49"/>
                  <a:pt x="1358" y="70"/>
                </a:cubicBezTo>
                <a:cubicBezTo>
                  <a:pt x="1358" y="70"/>
                  <a:pt x="1358" y="70"/>
                  <a:pt x="1358" y="70"/>
                </a:cubicBezTo>
                <a:cubicBezTo>
                  <a:pt x="1018" y="82"/>
                  <a:pt x="683" y="224"/>
                  <a:pt x="433" y="493"/>
                </a:cubicBezTo>
                <a:cubicBezTo>
                  <a:pt x="98" y="852"/>
                  <a:pt x="0" y="1347"/>
                  <a:pt x="133" y="1785"/>
                </a:cubicBezTo>
                <a:cubicBezTo>
                  <a:pt x="737" y="1392"/>
                  <a:pt x="1809" y="1629"/>
                  <a:pt x="2236" y="923"/>
                </a:cubicBezTo>
              </a:path>
            </a:pathLst>
          </a:custGeom>
          <a:noFill/>
          <a:ln w="234950" cap="flat">
            <a:solidFill>
              <a:srgbClr val="FAA163"/>
            </a:solidFill>
            <a:prstDash val="solid"/>
            <a:miter lim="800000"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7" name="Dynamic legal" descr="{&quot;templafy&quot;:{&quot;id&quot;:&quot;8f10abc9-7b9d-4d50-8b95-5af5b4fc5b07&quot;}}">
            <a:extLst>
              <a:ext uri="{FF2B5EF4-FFF2-40B4-BE49-F238E27FC236}">
                <a16:creationId xmlns:a16="http://schemas.microsoft.com/office/drawing/2014/main" id="{6853365F-9A9F-4E09-6106-1AC7E55A588D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0" name="Dynmic Internal use only" descr="{&quot;templafy&quot;:{&quot;id&quot;:&quot;9a2c9a21-d348-4773-a8d2-820396a23dc4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9B19D9B9-ADDF-4EF7-3401-AAC8C92A96BE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1584F6CB-29A1-7808-AF1C-5572632F82B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9" name="Title 10">
            <a:extLst>
              <a:ext uri="{FF2B5EF4-FFF2-40B4-BE49-F238E27FC236}">
                <a16:creationId xmlns:a16="http://schemas.microsoft.com/office/drawing/2014/main" id="{0040CB02-88B9-FCF1-B638-BE95086421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720000"/>
            <a:ext cx="4962600" cy="5205600"/>
          </a:xfrm>
        </p:spPr>
        <p:txBody>
          <a:bodyPr anchor="ctr" anchorCtr="0"/>
          <a:lstStyle>
            <a:lvl1pPr>
              <a:defRPr sz="405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3BF171-11B0-4BBC-A5E0-54E06540B5CB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 algn="r">
              <a:defRPr>
                <a:solidFill>
                  <a:schemeClr val="bg1"/>
                </a:solidFill>
              </a:defRPr>
            </a:lvl1pPr>
          </a:lstStyle>
          <a:p>
            <a:fld id="{C90268EB-1598-4A4E-B0BC-DADA0D37159F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4A63ACE-2F21-4C6E-8E2B-F2CF74469B9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AE59745-F918-859C-7D59-276B365808B8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74912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Thanks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3120684B-8D00-7903-A1FF-C0875815BAA8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579511" y="0"/>
            <a:ext cx="4574575" cy="6858000"/>
          </a:xfrm>
          <a:custGeom>
            <a:avLst/>
            <a:gdLst>
              <a:gd name="connsiteX0" fmla="*/ 254264 w 6099433"/>
              <a:gd name="connsiteY0" fmla="*/ 0 h 6858000"/>
              <a:gd name="connsiteX1" fmla="*/ 6099433 w 6099433"/>
              <a:gd name="connsiteY1" fmla="*/ 0 h 6858000"/>
              <a:gd name="connsiteX2" fmla="*/ 6099433 w 6099433"/>
              <a:gd name="connsiteY2" fmla="*/ 6858000 h 6858000"/>
              <a:gd name="connsiteX3" fmla="*/ 6085986 w 6099433"/>
              <a:gd name="connsiteY3" fmla="*/ 6858000 h 6858000"/>
              <a:gd name="connsiteX4" fmla="*/ 6085986 w 6099433"/>
              <a:gd name="connsiteY4" fmla="*/ 6678000 h 6858000"/>
              <a:gd name="connsiteX5" fmla="*/ 2055716 w 6099433"/>
              <a:gd name="connsiteY5" fmla="*/ 6678000 h 6858000"/>
              <a:gd name="connsiteX6" fmla="*/ 2030900 w 6099433"/>
              <a:gd name="connsiteY6" fmla="*/ 6634513 h 6858000"/>
              <a:gd name="connsiteX7" fmla="*/ 31970 w 6099433"/>
              <a:gd name="connsiteY7" fmla="*/ 1935353 h 6858000"/>
              <a:gd name="connsiteX8" fmla="*/ 254264 w 6099433"/>
              <a:gd name="connsiteY8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6099433" h="6858000">
                <a:moveTo>
                  <a:pt x="254264" y="0"/>
                </a:moveTo>
                <a:lnTo>
                  <a:pt x="6099433" y="0"/>
                </a:lnTo>
                <a:lnTo>
                  <a:pt x="6099433" y="6858000"/>
                </a:lnTo>
                <a:lnTo>
                  <a:pt x="6085986" y="6858000"/>
                </a:lnTo>
                <a:lnTo>
                  <a:pt x="6085986" y="6678000"/>
                </a:lnTo>
                <a:lnTo>
                  <a:pt x="2055716" y="6678000"/>
                </a:lnTo>
                <a:lnTo>
                  <a:pt x="2030900" y="6634513"/>
                </a:lnTo>
                <a:cubicBezTo>
                  <a:pt x="1593147" y="5864395"/>
                  <a:pt x="180714" y="3293880"/>
                  <a:pt x="31970" y="1935353"/>
                </a:cubicBezTo>
                <a:cubicBezTo>
                  <a:pt x="-60800" y="1087755"/>
                  <a:pt x="58965" y="459359"/>
                  <a:pt x="2542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576000" bIns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5" name="Dynamic legal" descr="{&quot;templafy&quot;:{&quot;id&quot;:&quot;6d901977-b446-4a45-a9dd-e3a7b3b27052&quot;}}">
            <a:extLst>
              <a:ext uri="{FF2B5EF4-FFF2-40B4-BE49-F238E27FC236}">
                <a16:creationId xmlns:a16="http://schemas.microsoft.com/office/drawing/2014/main" id="{389C2A1C-382C-1E29-DC3F-F948DA27C976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9" name="Dynmic Internal use only" descr="{&quot;templafy&quot;:{&quot;id&quot;:&quot;4676b841-7fa6-4eff-b4cb-2b087532d58f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EACDB44D-A22A-0289-65F4-C7FFF935C500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15800" y="1428751"/>
            <a:ext cx="5544469" cy="3484563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3368DB42-4F95-DED9-B2DB-110851A92C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1" y="5745148"/>
            <a:ext cx="1047600" cy="758677"/>
          </a:xfrm>
          <a:prstGeom prst="rect">
            <a:avLst/>
          </a:prstGeom>
        </p:spPr>
      </p:pic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C33BF2B2-742D-5FFD-D23F-C79D4FA1E824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67CAFB8-3619-43C2-BE52-370F7954903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7398FFA-EE82-A1C1-2C91-1BA6B30F654F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E98FD76-5104-AD9D-2BAF-2849AA9C0938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8251840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2" orient="horz" pos="3095">
          <p15:clr>
            <a:srgbClr val="A4A3A4"/>
          </p15:clr>
        </p15:guide>
        <p15:guide id="3" orient="horz" pos="900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3B58D1-A1EA-0634-FAC2-90E4D720AF9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9841" y="457200"/>
            <a:ext cx="2949178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73B24B92-4BA2-E8CE-A1AE-B2657786554E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3887391" y="987426"/>
            <a:ext cx="462915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DB59854-B0B7-287F-B832-2C9C0A998D8E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29841" y="2057400"/>
            <a:ext cx="2949178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8" name="Slide Number Placeholder 8">
            <a:extLst>
              <a:ext uri="{FF2B5EF4-FFF2-40B4-BE49-F238E27FC236}">
                <a16:creationId xmlns:a16="http://schemas.microsoft.com/office/drawing/2014/main" id="{B0690E7A-41B6-EB9C-8109-4DD658B1A53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AFE841AC-21C9-7CFD-2A00-5D7E9422176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A4E5D377-2D76-439C-B3BD-7D2415EF6609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9487952"/>
      </p:ext>
    </p:extLst>
  </p:cSld>
  <p:clrMapOvr>
    <a:masterClrMapping/>
  </p:clrMapOvr>
  <p:transition/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0AB066-265C-B73A-A4F8-335B2D5DFB4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70000" y="360000"/>
            <a:ext cx="8604900" cy="1188000"/>
          </a:xfrm>
        </p:spPr>
        <p:txBody>
          <a:bodyPr/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F61A42-C183-BC65-7D6E-BBC2454EEF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D6AE2AB-BC3C-2F5B-A155-188131B7D8F4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014474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75">
          <p15:clr>
            <a:srgbClr val="A4A3A4"/>
          </p15:clr>
        </p15:guide>
        <p15:guide id="2" orient="horz" pos="3735">
          <p15:clr>
            <a:srgbClr val="A4A3A4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372A712-3FB5-BB07-6772-0C564A5FD39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F7E808F-8C95-AF3A-F901-FCC3D3D2EBCF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1552465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Box 4">
            <a:extLst>
              <a:ext uri="{FF2B5EF4-FFF2-40B4-BE49-F238E27FC236}">
                <a16:creationId xmlns:a16="http://schemas.microsoft.com/office/drawing/2014/main" id="{E2E20571-3CD4-BCCB-FDD3-C02735CE103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103070" y="1158428"/>
            <a:ext cx="2167807" cy="3943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450"/>
              </a:spcAft>
              <a:defRPr/>
            </a:pPr>
            <a:endParaRPr lang="en-US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105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6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6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6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6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600" b="1" i="0" u="sng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When presentation is done, open an empty presentation (press Ctrl+N). Copy all slides from presentation, paste them into empty one. This will ensure that there are no extra layouts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45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endParaRPr lang="en-US" altLang="da-DK" sz="6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1050" kern="1200" cap="all" baseline="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lor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Theme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 th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mpany color, Accent 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1-6 is the color that th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harts and SmartArt us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Gradients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PPT standard colors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ustom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 the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olor to use in icons</a:t>
            </a:r>
            <a:endParaRPr lang="en-US" sz="135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Standard Colors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is</a:t>
            </a:r>
            <a:br>
              <a:rPr lang="en-GB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PPT standard colors</a:t>
            </a:r>
            <a:endParaRPr lang="en-US" sz="1350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386B521F-7854-3AC6-2DFC-66EB734B006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70033" y="4675068"/>
            <a:ext cx="890705" cy="1685854"/>
          </a:xfrm>
          <a:prstGeom prst="rect">
            <a:avLst/>
          </a:prstGeom>
        </p:spPr>
      </p:pic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269082" y="358776"/>
            <a:ext cx="833199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2400" b="0" noProof="1">
                <a:solidFill>
                  <a:schemeClr val="tx1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  <a:endParaRPr lang="en-US" sz="1350" dirty="0"/>
          </a:p>
        </p:txBody>
      </p:sp>
      <p:sp>
        <p:nvSpPr>
          <p:cNvPr id="3" name="Text Box 2">
            <a:extLst>
              <a:ext uri="{FF2B5EF4-FFF2-40B4-BE49-F238E27FC236}">
                <a16:creationId xmlns:a16="http://schemas.microsoft.com/office/drawing/2014/main" id="{DD1533B4-EF59-9409-9963-5CD901F1DC4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69081" y="1158429"/>
            <a:ext cx="2052000" cy="3926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latin typeface="+mn-lt"/>
                <a:cs typeface="Verdana" panose="020B0604030504040204" pitchFamily="34" charset="0"/>
              </a:rPr>
              <a:t>TEXT STYLES</a:t>
            </a:r>
            <a:endParaRPr lang="en-US" altLang="da-DK" sz="105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US" sz="600" b="1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sz="6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US" sz="6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US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US" sz="6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endParaRPr lang="en-US" sz="60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Use bullet button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Delete bullet for regular text.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on the bullet button to reaply the correct bullet again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675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1050" dirty="0">
                <a:latin typeface="+mn-lt"/>
                <a:cs typeface="Verdana" panose="020B0604030504040204" pitchFamily="34" charset="0"/>
              </a:rPr>
              <a:t>SLIDES &amp; LAYOUTS</a:t>
            </a:r>
            <a:br>
              <a:rPr lang="en-US" altLang="da-DK" sz="675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75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600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Click on the arrow next to </a:t>
            </a:r>
            <a:r>
              <a:rPr lang="en-US" sz="600" b="1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Layout </a:t>
            </a:r>
            <a:r>
              <a:rPr lang="en-US" sz="600" dirty="0">
                <a:solidFill>
                  <a:srgbClr val="000000"/>
                </a:solidFill>
                <a:latin typeface="+mn-lt"/>
                <a:ea typeface="Verdana" panose="020B0604030504040204" pitchFamily="34" charset="0"/>
                <a:cs typeface="Verdana" panose="020B0604030504040204" pitchFamily="34" charset="0"/>
              </a:rPr>
              <a:t>to view a dropdown menu of possible slide layouts</a:t>
            </a:r>
            <a:b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Reset slide</a:t>
            </a:r>
            <a:endParaRPr lang="en-US" sz="600" dirty="0"/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6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US" altLang="da-DK" sz="60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US" altLang="da-DK" sz="60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  <a:endParaRPr lang="en-US" sz="1350"/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endParaRPr lang="en-US" altLang="da-DK" sz="60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sz="1050" dirty="0">
                <a:latin typeface="+mn-lt"/>
                <a:cs typeface="Verdana" panose="020B0604030504040204" pitchFamily="34" charset="0"/>
              </a:rPr>
              <a:t>GRIDLINES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US" altLang="da-DK" sz="6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endParaRPr lang="en-US" altLang="da-DK" sz="675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</p:txBody>
      </p:sp>
      <p:pic>
        <p:nvPicPr>
          <p:cNvPr id="4" name="Picture 2">
            <a:extLst>
              <a:ext uri="{FF2B5EF4-FFF2-40B4-BE49-F238E27FC236}">
                <a16:creationId xmlns:a16="http://schemas.microsoft.com/office/drawing/2014/main" id="{206C40C9-5CF1-CCAF-F622-3E4A91B39882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247138" y="2730085"/>
            <a:ext cx="192857" cy="285714"/>
          </a:xfrm>
          <a:prstGeom prst="rect">
            <a:avLst/>
          </a:prstGeom>
        </p:spPr>
      </p:pic>
      <p:pic>
        <p:nvPicPr>
          <p:cNvPr id="5" name="Picture 29">
            <a:extLst>
              <a:ext uri="{FF2B5EF4-FFF2-40B4-BE49-F238E27FC236}">
                <a16:creationId xmlns:a16="http://schemas.microsoft.com/office/drawing/2014/main" id="{8CC33CD9-EC9E-CAF0-0F73-DAB1AF5DB56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247544" y="2107633"/>
            <a:ext cx="342857" cy="257143"/>
          </a:xfrm>
          <a:prstGeom prst="rect">
            <a:avLst/>
          </a:prstGeom>
        </p:spPr>
      </p:pic>
      <p:pic>
        <p:nvPicPr>
          <p:cNvPr id="6" name="Picture 16">
            <a:extLst>
              <a:ext uri="{FF2B5EF4-FFF2-40B4-BE49-F238E27FC236}">
                <a16:creationId xmlns:a16="http://schemas.microsoft.com/office/drawing/2014/main" id="{C99C8939-A102-1CFF-E2E6-F3086BC21F95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251954" y="3678076"/>
            <a:ext cx="246661" cy="505501"/>
          </a:xfrm>
          <a:prstGeom prst="rect">
            <a:avLst/>
          </a:prstGeom>
        </p:spPr>
      </p:pic>
      <p:pic>
        <p:nvPicPr>
          <p:cNvPr id="7" name="Picture 20">
            <a:extLst>
              <a:ext uri="{FF2B5EF4-FFF2-40B4-BE49-F238E27FC236}">
                <a16:creationId xmlns:a16="http://schemas.microsoft.com/office/drawing/2014/main" id="{4B31AD51-13DB-66BB-0F54-7830F1476354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251954" y="4892752"/>
            <a:ext cx="403849" cy="17284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1C6B78E-2FEA-9A0D-FD04-670650C7BF2B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251953" y="4404845"/>
            <a:ext cx="356571" cy="176762"/>
          </a:xfrm>
          <a:prstGeom prst="rect">
            <a:avLst/>
          </a:prstGeom>
        </p:spPr>
      </p:pic>
      <p:sp>
        <p:nvSpPr>
          <p:cNvPr id="9" name="Text Box 3">
            <a:extLst>
              <a:ext uri="{FF2B5EF4-FFF2-40B4-BE49-F238E27FC236}">
                <a16:creationId xmlns:a16="http://schemas.microsoft.com/office/drawing/2014/main" id="{ED94339F-4657-3DBA-70AA-5440984DF9E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053438" y="1158429"/>
            <a:ext cx="2167808" cy="399724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90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latin typeface="+mn-lt"/>
                <a:cs typeface="Verdana" panose="020B0604030504040204" pitchFamily="34" charset="0"/>
              </a:rPr>
              <a:t>PICTURES</a:t>
            </a:r>
            <a:br>
              <a:rPr lang="en-US" sz="675" dirty="0">
                <a:latin typeface="+mn-lt"/>
                <a:cs typeface="Verdana" panose="020B0604030504040204" pitchFamily="34" charset="0"/>
              </a:rPr>
            </a:b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US" altLang="da-DK" sz="6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button</a:t>
            </a:r>
            <a:endParaRPr lang="en-US" sz="600" dirty="0"/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US" altLang="da-DK" sz="600" b="0" i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US" altLang="da-DK" sz="600" b="0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US" altLang="da-DK" sz="60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endParaRPr lang="en-US" altLang="da-DK" sz="600" b="0" baseline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600" b="1" baseline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 picture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nsert</a:t>
            </a:r>
            <a:endParaRPr lang="en-US" sz="600" dirty="0"/>
          </a:p>
          <a:p>
            <a:pPr eaLnBrk="1" hangingPunct="1">
              <a:spcBef>
                <a:spcPts val="900"/>
              </a:spcBef>
              <a:spcAft>
                <a:spcPts val="450"/>
              </a:spcAft>
              <a:defRPr/>
            </a:pPr>
            <a:r>
              <a:rPr lang="en-US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rop picture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  <a:endParaRPr lang="en-US" sz="600" dirty="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endParaRPr lang="en-US" altLang="da-DK" sz="600" b="0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</a:t>
            </a:r>
            <a:b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r>
              <a:rPr lang="en-US" altLang="da-DK" sz="600" b="0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If this happens, select the picture, right-click and choose </a:t>
            </a:r>
            <a: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  <a:t>Send to Back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endParaRPr lang="en-US" altLang="da-DK" sz="600" b="1" noProof="1">
              <a:solidFill>
                <a:schemeClr val="tx1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US" sz="105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(write the desired text)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6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 sz="1350"/>
          </a:p>
          <a:p>
            <a:pPr eaLnBrk="1" hangingPunct="1">
              <a:spcAft>
                <a:spcPts val="450"/>
              </a:spcAft>
              <a:defRPr/>
            </a:pPr>
            <a:br>
              <a:rPr lang="en-US" altLang="da-DK" sz="600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br>
              <a:rPr lang="en-US" altLang="da-DK" sz="675" b="1" noProof="1">
                <a:solidFill>
                  <a:schemeClr val="tx1"/>
                </a:solidFill>
                <a:latin typeface="+mn-lt"/>
                <a:cs typeface="Verdana" panose="020B0604030504040204" pitchFamily="34" charset="0"/>
              </a:rPr>
            </a:br>
            <a:endParaRPr lang="en-US" sz="600" dirty="0"/>
          </a:p>
        </p:txBody>
      </p:sp>
      <p:grpSp>
        <p:nvGrpSpPr>
          <p:cNvPr id="10" name="Gruppe 25">
            <a:extLst>
              <a:ext uri="{FF2B5EF4-FFF2-40B4-BE49-F238E27FC236}">
                <a16:creationId xmlns:a16="http://schemas.microsoft.com/office/drawing/2014/main" id="{3C7AF367-4A66-7146-8EEE-29037B806555}"/>
              </a:ext>
            </a:extLst>
          </p:cNvPr>
          <p:cNvGrpSpPr/>
          <p:nvPr userDrawn="1"/>
        </p:nvGrpSpPr>
        <p:grpSpPr>
          <a:xfrm>
            <a:off x="5312867" y="1246258"/>
            <a:ext cx="507502" cy="997704"/>
            <a:chOff x="6442771" y="2574072"/>
            <a:chExt cx="676669" cy="997704"/>
          </a:xfrm>
        </p:grpSpPr>
        <p:pic>
          <p:nvPicPr>
            <p:cNvPr id="11" name="Billede 26">
              <a:extLst>
                <a:ext uri="{FF2B5EF4-FFF2-40B4-BE49-F238E27FC236}">
                  <a16:creationId xmlns:a16="http://schemas.microsoft.com/office/drawing/2014/main" id="{49431F75-01B2-005B-9A87-0DFEFC95062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12" name="Billede 37">
              <a:extLst>
                <a:ext uri="{FF2B5EF4-FFF2-40B4-BE49-F238E27FC236}">
                  <a16:creationId xmlns:a16="http://schemas.microsoft.com/office/drawing/2014/main" id="{CC6B5F15-2997-8F24-5D45-71E9294089DB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13" name="Picture 33">
            <a:extLst>
              <a:ext uri="{FF2B5EF4-FFF2-40B4-BE49-F238E27FC236}">
                <a16:creationId xmlns:a16="http://schemas.microsoft.com/office/drawing/2014/main" id="{7BA93CDD-4953-B526-F43D-D7B2715FB0C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3901" t="45142" r="62601" b="9046"/>
          <a:stretch/>
        </p:blipFill>
        <p:spPr>
          <a:xfrm>
            <a:off x="5312867" y="2468289"/>
            <a:ext cx="255903" cy="321707"/>
          </a:xfrm>
          <a:prstGeom prst="rect">
            <a:avLst/>
          </a:prstGeom>
        </p:spPr>
      </p:pic>
      <p:pic>
        <p:nvPicPr>
          <p:cNvPr id="14" name="Picture 19">
            <a:extLst>
              <a:ext uri="{FF2B5EF4-FFF2-40B4-BE49-F238E27FC236}">
                <a16:creationId xmlns:a16="http://schemas.microsoft.com/office/drawing/2014/main" id="{98BA0837-6839-DAB4-E7C3-21572537DDF7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5354882" y="3271730"/>
            <a:ext cx="235341" cy="543900"/>
          </a:xfrm>
          <a:prstGeom prst="rect">
            <a:avLst/>
          </a:prstGeom>
        </p:spPr>
      </p:pic>
      <p:pic>
        <p:nvPicPr>
          <p:cNvPr id="15" name="Picture 2" descr="C:\Users\MAV~1.SKA\AppData\Local\Temp\SNAGHTMLe48c1e.PNG">
            <a:extLst>
              <a:ext uri="{FF2B5EF4-FFF2-40B4-BE49-F238E27FC236}">
                <a16:creationId xmlns:a16="http://schemas.microsoft.com/office/drawing/2014/main" id="{5D7FA782-3A1E-8CDD-81B3-CE360E04844B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86781" y="3212837"/>
            <a:ext cx="488138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" name="Picture 12">
            <a:extLst>
              <a:ext uri="{FF2B5EF4-FFF2-40B4-BE49-F238E27FC236}">
                <a16:creationId xmlns:a16="http://schemas.microsoft.com/office/drawing/2014/main" id="{D3B0EB13-EA50-B6B2-7C04-45ADF1D48984}"/>
              </a:ext>
            </a:extLst>
          </p:cNvPr>
          <p:cNvPicPr>
            <a:picLocks noChangeAspect="1"/>
          </p:cNvPicPr>
          <p:nvPr userDrawn="1"/>
        </p:nvPicPr>
        <p:blipFill>
          <a:blip r:embed="rId13"/>
          <a:stretch>
            <a:fillRect/>
          </a:stretch>
        </p:blipFill>
        <p:spPr>
          <a:xfrm>
            <a:off x="5334169" y="5159808"/>
            <a:ext cx="283720" cy="543366"/>
          </a:xfrm>
          <a:prstGeom prst="rect">
            <a:avLst/>
          </a:prstGeom>
        </p:spPr>
      </p:pic>
      <p:sp>
        <p:nvSpPr>
          <p:cNvPr id="18" name="Tekstfelt 17">
            <a:extLst>
              <a:ext uri="{FF2B5EF4-FFF2-40B4-BE49-F238E27FC236}">
                <a16:creationId xmlns:a16="http://schemas.microsoft.com/office/drawing/2014/main" id="{8443DBBE-3F73-415B-421B-5F6178BE0CDB}"/>
              </a:ext>
            </a:extLst>
          </p:cNvPr>
          <p:cNvSpPr txBox="1"/>
          <p:nvPr userDrawn="1"/>
        </p:nvSpPr>
        <p:spPr>
          <a:xfrm>
            <a:off x="8054138" y="4818007"/>
            <a:ext cx="81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Theme Colors and </a:t>
            </a:r>
            <a:br>
              <a:rPr lang="en-GB" sz="600" dirty="0">
                <a:solidFill>
                  <a:schemeClr val="tx1"/>
                </a:solidFill>
              </a:rPr>
            </a:br>
            <a:r>
              <a:rPr lang="en-US" sz="600" dirty="0">
                <a:solidFill>
                  <a:schemeClr val="tx1"/>
                </a:solidFill>
              </a:rPr>
              <a:t>Accent 1-6 for </a:t>
            </a:r>
            <a:r>
              <a:rPr lang="en-US" altLang="da-DK" sz="600" b="0" kern="1200" noProof="1">
                <a:solidFill>
                  <a:srgbClr val="000000"/>
                </a:solidFill>
                <a:latin typeface="+mn-lt"/>
                <a:ea typeface="+mn-ea"/>
                <a:cs typeface="Arial" panose="020B0604020202020204" pitchFamily="34" charset="0"/>
              </a:rPr>
              <a:t>charts</a:t>
            </a:r>
            <a:endParaRPr lang="en-US" sz="600" dirty="0">
              <a:solidFill>
                <a:schemeClr val="tx1"/>
              </a:solidFill>
            </a:endParaRPr>
          </a:p>
        </p:txBody>
      </p:sp>
      <p:sp>
        <p:nvSpPr>
          <p:cNvPr id="20" name="Tekstfelt 18">
            <a:extLst>
              <a:ext uri="{FF2B5EF4-FFF2-40B4-BE49-F238E27FC236}">
                <a16:creationId xmlns:a16="http://schemas.microsoft.com/office/drawing/2014/main" id="{BBBE9554-C75C-23D0-B05A-940BB9F507C0}"/>
              </a:ext>
            </a:extLst>
          </p:cNvPr>
          <p:cNvSpPr txBox="1"/>
          <p:nvPr userDrawn="1"/>
        </p:nvSpPr>
        <p:spPr>
          <a:xfrm>
            <a:off x="8054138" y="5214329"/>
            <a:ext cx="81000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Gradients Colors</a:t>
            </a:r>
            <a:endParaRPr lang="en-US" sz="1350"/>
          </a:p>
        </p:txBody>
      </p:sp>
      <p:sp>
        <p:nvSpPr>
          <p:cNvPr id="21" name="Tekstfelt 20">
            <a:extLst>
              <a:ext uri="{FF2B5EF4-FFF2-40B4-BE49-F238E27FC236}">
                <a16:creationId xmlns:a16="http://schemas.microsoft.com/office/drawing/2014/main" id="{9F488F6E-2B59-854E-F55E-F12F30B35330}"/>
              </a:ext>
            </a:extLst>
          </p:cNvPr>
          <p:cNvSpPr txBox="1"/>
          <p:nvPr userDrawn="1"/>
        </p:nvSpPr>
        <p:spPr>
          <a:xfrm>
            <a:off x="8054138" y="5765796"/>
            <a:ext cx="81000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Custom Colors </a:t>
            </a:r>
            <a:endParaRPr lang="en-US" sz="1350"/>
          </a:p>
        </p:txBody>
      </p:sp>
      <p:sp>
        <p:nvSpPr>
          <p:cNvPr id="22" name="Tekstfelt 21">
            <a:extLst>
              <a:ext uri="{FF2B5EF4-FFF2-40B4-BE49-F238E27FC236}">
                <a16:creationId xmlns:a16="http://schemas.microsoft.com/office/drawing/2014/main" id="{4C3B03B3-6EB5-2E21-77F3-C8182D7A0C27}"/>
              </a:ext>
            </a:extLst>
          </p:cNvPr>
          <p:cNvSpPr txBox="1"/>
          <p:nvPr userDrawn="1"/>
        </p:nvSpPr>
        <p:spPr>
          <a:xfrm>
            <a:off x="8054138" y="6184105"/>
            <a:ext cx="810000" cy="9233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225"/>
              </a:spcBef>
            </a:pPr>
            <a:r>
              <a:rPr lang="en-US" sz="600" dirty="0">
                <a:solidFill>
                  <a:schemeClr val="tx1"/>
                </a:solidFill>
              </a:rPr>
              <a:t>Standard Colors </a:t>
            </a:r>
            <a:endParaRPr lang="en-US" sz="1350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6EAE627-3F30-FE91-BB49-165C7283FD01}"/>
              </a:ext>
            </a:extLst>
          </p:cNvPr>
          <p:cNvSpPr/>
          <p:nvPr userDrawn="1"/>
        </p:nvSpPr>
        <p:spPr>
          <a:xfrm>
            <a:off x="7069287" y="4851666"/>
            <a:ext cx="903697" cy="163159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>
              <a:spcBef>
                <a:spcPts val="225"/>
              </a:spcBef>
            </a:pPr>
            <a:endParaRPr lang="en-US" sz="1350" noProof="0" dirty="0" err="1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091BE9FB-EA0E-359A-5AC4-3B5A84B71DB3}"/>
              </a:ext>
            </a:extLst>
          </p:cNvPr>
          <p:cNvSpPr/>
          <p:nvPr userDrawn="1"/>
        </p:nvSpPr>
        <p:spPr>
          <a:xfrm>
            <a:off x="7069287" y="5628670"/>
            <a:ext cx="903697" cy="333296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>
              <a:spcBef>
                <a:spcPts val="225"/>
              </a:spcBef>
            </a:pPr>
            <a:endParaRPr lang="en-US" sz="1350" noProof="0" dirty="0" err="1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C1FC33DF-5A21-05B9-0BDE-2CA33F5E40E4}"/>
              </a:ext>
            </a:extLst>
          </p:cNvPr>
          <p:cNvSpPr/>
          <p:nvPr userDrawn="1"/>
        </p:nvSpPr>
        <p:spPr>
          <a:xfrm>
            <a:off x="7430228" y="4851666"/>
            <a:ext cx="542756" cy="163159"/>
          </a:xfrm>
          <a:prstGeom prst="rect">
            <a:avLst/>
          </a:prstGeom>
          <a:noFill/>
          <a:ln w="190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>
              <a:spcBef>
                <a:spcPts val="225"/>
              </a:spcBef>
            </a:pPr>
            <a:endParaRPr lang="en-US" sz="1350" noProof="0" dirty="0" err="1"/>
          </a:p>
        </p:txBody>
      </p:sp>
      <p:grpSp>
        <p:nvGrpSpPr>
          <p:cNvPr id="32" name="Group 31">
            <a:extLst>
              <a:ext uri="{FF2B5EF4-FFF2-40B4-BE49-F238E27FC236}">
                <a16:creationId xmlns:a16="http://schemas.microsoft.com/office/drawing/2014/main" id="{8157F517-43E3-D531-8794-C0B107C40A34}"/>
              </a:ext>
            </a:extLst>
          </p:cNvPr>
          <p:cNvGrpSpPr/>
          <p:nvPr userDrawn="1"/>
        </p:nvGrpSpPr>
        <p:grpSpPr>
          <a:xfrm>
            <a:off x="7074500" y="5071123"/>
            <a:ext cx="903697" cy="446873"/>
            <a:chOff x="6285057" y="2007141"/>
            <a:chExt cx="1676485" cy="680095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132C6F8C-EA68-AF61-CB59-D40FFDB0B21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285057" y="2007141"/>
              <a:ext cx="1676485" cy="680095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05526681-806A-1321-A319-D67F0D7FCCBB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6291690" y="2014958"/>
              <a:ext cx="1657397" cy="67227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3228DB3-F811-3286-646E-6B7A885626FD}"/>
              </a:ext>
            </a:extLst>
          </p:cNvPr>
          <p:cNvCxnSpPr>
            <a:cxnSpLocks/>
          </p:cNvCxnSpPr>
          <p:nvPr userDrawn="1"/>
        </p:nvCxnSpPr>
        <p:spPr>
          <a:xfrm>
            <a:off x="7066543" y="6206311"/>
            <a:ext cx="889512" cy="118376"/>
          </a:xfrm>
          <a:prstGeom prst="line">
            <a:avLst/>
          </a:prstGeom>
          <a:ln w="1905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A9625C8C-8064-DB2F-0CA1-0AE5E2C3ED64}"/>
              </a:ext>
            </a:extLst>
          </p:cNvPr>
          <p:cNvCxnSpPr>
            <a:cxnSpLocks/>
          </p:cNvCxnSpPr>
          <p:nvPr userDrawn="1"/>
        </p:nvCxnSpPr>
        <p:spPr>
          <a:xfrm flipV="1">
            <a:off x="7064586" y="6206315"/>
            <a:ext cx="891470" cy="118376"/>
          </a:xfrm>
          <a:prstGeom prst="line">
            <a:avLst/>
          </a:prstGeom>
          <a:ln w="1905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92434841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 bwMode="invGray"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invGray">
          <a:xfrm>
            <a:off x="0" y="0"/>
            <a:ext cx="9144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4000" tIns="54000" rIns="54000" bIns="54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50"/>
              </a:spcBef>
              <a:buClr>
                <a:srgbClr val="003755"/>
              </a:buClr>
            </a:pPr>
            <a:endParaRPr lang="en-US" sz="105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invGray">
          <a:xfrm>
            <a:off x="322660" y="656824"/>
            <a:ext cx="8517733" cy="21698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3300" b="0" noProof="0" dirty="0">
                <a:solidFill>
                  <a:schemeClr val="bg1"/>
                </a:solidFill>
              </a:rPr>
              <a:t>If you see any </a:t>
            </a:r>
            <a:r>
              <a:rPr lang="en-US" sz="3300" b="1" i="1" noProof="0" dirty="0">
                <a:solidFill>
                  <a:schemeClr val="bg1"/>
                </a:solidFill>
              </a:rPr>
              <a:t>layouts after this one</a:t>
            </a:r>
            <a:r>
              <a:rPr lang="en-US" sz="3300" b="0" i="1" noProof="0" dirty="0">
                <a:solidFill>
                  <a:schemeClr val="bg1"/>
                </a:solidFill>
              </a:rPr>
              <a:t>,</a:t>
            </a:r>
            <a:br>
              <a:rPr lang="en-US" sz="3300" b="0" i="0" noProof="0" dirty="0">
                <a:solidFill>
                  <a:schemeClr val="bg1"/>
                </a:solidFill>
              </a:rPr>
            </a:br>
            <a:r>
              <a:rPr lang="en-US" sz="33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33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33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100" b="0" noProof="0" dirty="0">
                <a:solidFill>
                  <a:schemeClr val="bg1"/>
                </a:solidFill>
              </a:rPr>
            </a:br>
            <a:br>
              <a:rPr lang="en-US" sz="2100" b="0" noProof="0" dirty="0">
                <a:solidFill>
                  <a:schemeClr val="bg1"/>
                </a:solidFill>
              </a:rPr>
            </a:br>
            <a:endParaRPr lang="en-US" sz="21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7803657" y="3391414"/>
            <a:ext cx="777591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450"/>
                </a:spcBef>
                <a:buClr>
                  <a:srgbClr val="003755"/>
                </a:buClr>
              </a:pPr>
              <a:endParaRPr lang="en-US" sz="105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450"/>
                </a:spcBef>
                <a:buClr>
                  <a:srgbClr val="003755"/>
                </a:buClr>
              </a:pPr>
              <a:endParaRPr lang="en-US" sz="105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invGray">
          <a:xfrm>
            <a:off x="322660" y="2780880"/>
            <a:ext cx="7614260" cy="141961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8625" b="1" i="1" noProof="0" dirty="0">
                <a:solidFill>
                  <a:schemeClr val="bg1"/>
                </a:solidFill>
              </a:rPr>
              <a:t>Do not use </a:t>
            </a:r>
            <a:endParaRPr lang="en-US" sz="15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invGray">
          <a:xfrm>
            <a:off x="322660" y="5186455"/>
            <a:ext cx="8517731" cy="68736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35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 sz="1350" dirty="0"/>
          </a:p>
          <a:p>
            <a:pPr marL="0" marR="0" indent="0" algn="ctr" fontAlgn="auto">
              <a:lnSpc>
                <a:spcPct val="100000"/>
              </a:lnSpc>
              <a:spcBef>
                <a:spcPts val="45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135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350" b="0" noProof="0" dirty="0">
                <a:solidFill>
                  <a:schemeClr val="bg1"/>
                </a:solidFill>
              </a:rPr>
            </a:br>
            <a:endParaRPr lang="en-US" sz="1350" b="0" noProof="0" dirty="0">
              <a:solidFill>
                <a:schemeClr val="bg1"/>
              </a:solidFill>
            </a:endParaRP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B12B154D-76F1-409D-A798-AA5203EE7F44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898AB6C-F92C-44E8-BB87-DFC9496B9D55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0" name="Footer Placeholder 3">
            <a:extLst>
              <a:ext uri="{FF2B5EF4-FFF2-40B4-BE49-F238E27FC236}">
                <a16:creationId xmlns:a16="http://schemas.microsoft.com/office/drawing/2014/main" id="{7D212C3A-1726-4BC5-8AF1-72D08F6358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invGray"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Slide Number Placeholder 4">
            <a:extLst>
              <a:ext uri="{FF2B5EF4-FFF2-40B4-BE49-F238E27FC236}">
                <a16:creationId xmlns:a16="http://schemas.microsoft.com/office/drawing/2014/main" id="{989D5CFC-5012-4F36-B4E7-CE36F67CD2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invGray"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31992896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 and full size picture">
    <p:bg bwMode="ltGray"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DD808BC1-0D9E-EAE7-A1E9-FBA8D7C49D9C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0"/>
            <a:ext cx="9144900" cy="6858000"/>
          </a:xfrm>
          <a:custGeom>
            <a:avLst/>
            <a:gdLst>
              <a:gd name="connsiteX0" fmla="*/ 0 w 12193200"/>
              <a:gd name="connsiteY0" fmla="*/ 0 h 6858000"/>
              <a:gd name="connsiteX1" fmla="*/ 12193200 w 12193200"/>
              <a:gd name="connsiteY1" fmla="*/ 0 h 6858000"/>
              <a:gd name="connsiteX2" fmla="*/ 12193200 w 12193200"/>
              <a:gd name="connsiteY2" fmla="*/ 6858000 h 6858000"/>
              <a:gd name="connsiteX3" fmla="*/ 12192000 w 12193200"/>
              <a:gd name="connsiteY3" fmla="*/ 6858000 h 6858000"/>
              <a:gd name="connsiteX4" fmla="*/ 12192000 w 12193200"/>
              <a:gd name="connsiteY4" fmla="*/ 6678000 h 6858000"/>
              <a:gd name="connsiteX5" fmla="*/ 0 w 12193200"/>
              <a:gd name="connsiteY5" fmla="*/ 667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3200" h="6858000">
                <a:moveTo>
                  <a:pt x="0" y="0"/>
                </a:moveTo>
                <a:lnTo>
                  <a:pt x="12193200" y="0"/>
                </a:lnTo>
                <a:lnTo>
                  <a:pt x="12193200" y="6858000"/>
                </a:lnTo>
                <a:lnTo>
                  <a:pt x="12192000" y="6858000"/>
                </a:lnTo>
                <a:lnTo>
                  <a:pt x="12192000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108000" tIns="108000" rIns="108000" bIns="108000" anchor="t" anchorCtr="0">
            <a:noAutofit/>
          </a:bodyPr>
          <a:lstStyle>
            <a:lvl1pPr marL="0" indent="0" algn="r">
              <a:buNone/>
              <a:defRPr sz="12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 or click on frame and insert picture using the Insert tab - Pictures</a:t>
            </a:r>
            <a:endParaRPr lang="en-US"/>
          </a:p>
        </p:txBody>
      </p:sp>
      <p:sp>
        <p:nvSpPr>
          <p:cNvPr id="10" name="Dynamic legal" descr="{&quot;templafy&quot;:{&quot;id&quot;:&quot;d913a01c-1f59-4ebd-a4b4-0bea0cb1da63&quot;}}">
            <a:extLst>
              <a:ext uri="{FF2B5EF4-FFF2-40B4-BE49-F238E27FC236}">
                <a16:creationId xmlns:a16="http://schemas.microsoft.com/office/drawing/2014/main" id="{60CD9714-4130-AA74-C488-386E326CE2C7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eb76f00d-af8d-4131-b675-6cfbf039c240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999DFF29-3CF3-4892-CDB1-E9257DF5C87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33" name="Text Placeholder logo">
            <a:extLst>
              <a:ext uri="{FF2B5EF4-FFF2-40B4-BE49-F238E27FC236}">
                <a16:creationId xmlns:a16="http://schemas.microsoft.com/office/drawing/2014/main" id="{748FB64F-BD95-FBDF-3D49-50F46761B7F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69081" y="5738400"/>
            <a:ext cx="1047600" cy="7596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1360800"/>
            <a:ext cx="56916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C9BF215-4697-4112-AB69-2675B6F76998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7E681C5-B157-4D86-8E07-0C78129D5B09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E97FF-E3F2-109F-5DAA-325105ED756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2870107-3878-827C-44EE-8E3B7FE6101E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170577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 and picture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ED4EC965-6865-A3F8-25A9-943E5B1DF779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579511" y="0"/>
            <a:ext cx="4574575" cy="6858000"/>
          </a:xfrm>
          <a:custGeom>
            <a:avLst/>
            <a:gdLst>
              <a:gd name="connsiteX0" fmla="*/ 254264 w 6099433"/>
              <a:gd name="connsiteY0" fmla="*/ 0 h 6858000"/>
              <a:gd name="connsiteX1" fmla="*/ 6099433 w 6099433"/>
              <a:gd name="connsiteY1" fmla="*/ 0 h 6858000"/>
              <a:gd name="connsiteX2" fmla="*/ 6099433 w 6099433"/>
              <a:gd name="connsiteY2" fmla="*/ 6858000 h 6858000"/>
              <a:gd name="connsiteX3" fmla="*/ 6085986 w 6099433"/>
              <a:gd name="connsiteY3" fmla="*/ 6858000 h 6858000"/>
              <a:gd name="connsiteX4" fmla="*/ 6085986 w 6099433"/>
              <a:gd name="connsiteY4" fmla="*/ 6678000 h 6858000"/>
              <a:gd name="connsiteX5" fmla="*/ 2055716 w 6099433"/>
              <a:gd name="connsiteY5" fmla="*/ 6678000 h 6858000"/>
              <a:gd name="connsiteX6" fmla="*/ 2030900 w 6099433"/>
              <a:gd name="connsiteY6" fmla="*/ 6634513 h 6858000"/>
              <a:gd name="connsiteX7" fmla="*/ 31970 w 6099433"/>
              <a:gd name="connsiteY7" fmla="*/ 1935353 h 6858000"/>
              <a:gd name="connsiteX8" fmla="*/ 254264 w 6099433"/>
              <a:gd name="connsiteY8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6099433" h="6858000">
                <a:moveTo>
                  <a:pt x="254264" y="0"/>
                </a:moveTo>
                <a:lnTo>
                  <a:pt x="6099433" y="0"/>
                </a:lnTo>
                <a:lnTo>
                  <a:pt x="6099433" y="6858000"/>
                </a:lnTo>
                <a:lnTo>
                  <a:pt x="6085986" y="6858000"/>
                </a:lnTo>
                <a:lnTo>
                  <a:pt x="6085986" y="6678000"/>
                </a:lnTo>
                <a:lnTo>
                  <a:pt x="2055716" y="6678000"/>
                </a:lnTo>
                <a:lnTo>
                  <a:pt x="2030900" y="6634513"/>
                </a:lnTo>
                <a:cubicBezTo>
                  <a:pt x="1593147" y="5864395"/>
                  <a:pt x="180714" y="3293880"/>
                  <a:pt x="31970" y="1935353"/>
                </a:cubicBezTo>
                <a:cubicBezTo>
                  <a:pt x="-60800" y="1087755"/>
                  <a:pt x="58965" y="459359"/>
                  <a:pt x="2542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576000" bIns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5" name="Dynamic legal" descr="{&quot;templafy&quot;:{&quot;id&quot;:&quot;a1bf128b-b7cf-4696-b13e-7c3cd49efca4&quot;}}">
            <a:extLst>
              <a:ext uri="{FF2B5EF4-FFF2-40B4-BE49-F238E27FC236}">
                <a16:creationId xmlns:a16="http://schemas.microsoft.com/office/drawing/2014/main" id="{11B4D32B-4FEF-E35A-438F-9955571939F7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8" name="Dynmic Internal use only" descr="{&quot;templafy&quot;:{&quot;id&quot;:&quot;7a4c8901-9230-4b5f-80cf-0dc5aec87b35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B1C548A5-7A7D-D196-5577-FF273D6853F7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01155BA4-9690-54DE-D396-BEE36AEBE8F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35073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098F6BE2-5CCD-41E0-71C3-2AC0B438B15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35073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D5C7FCD-AC48-ACD1-35FF-437BA9936739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AF05872-331D-431E-80AB-892636B3EBC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1B730B9-DB20-8806-A85A-0B3815542F9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3B8F2E49-B95B-22DC-F91C-332DF9B4BD78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971644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 and picture">
    <p:bg bwMode="ltGray"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C3F8057-12BE-38CC-B6F4-AD96D0FEAAAC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579511" y="0"/>
            <a:ext cx="4574575" cy="6858000"/>
          </a:xfrm>
          <a:custGeom>
            <a:avLst/>
            <a:gdLst>
              <a:gd name="connsiteX0" fmla="*/ 254264 w 6099433"/>
              <a:gd name="connsiteY0" fmla="*/ 0 h 6858000"/>
              <a:gd name="connsiteX1" fmla="*/ 6099433 w 6099433"/>
              <a:gd name="connsiteY1" fmla="*/ 0 h 6858000"/>
              <a:gd name="connsiteX2" fmla="*/ 6099433 w 6099433"/>
              <a:gd name="connsiteY2" fmla="*/ 6858000 h 6858000"/>
              <a:gd name="connsiteX3" fmla="*/ 6085986 w 6099433"/>
              <a:gd name="connsiteY3" fmla="*/ 6858000 h 6858000"/>
              <a:gd name="connsiteX4" fmla="*/ 6085986 w 6099433"/>
              <a:gd name="connsiteY4" fmla="*/ 6678000 h 6858000"/>
              <a:gd name="connsiteX5" fmla="*/ 2055716 w 6099433"/>
              <a:gd name="connsiteY5" fmla="*/ 6678000 h 6858000"/>
              <a:gd name="connsiteX6" fmla="*/ 2030900 w 6099433"/>
              <a:gd name="connsiteY6" fmla="*/ 6634513 h 6858000"/>
              <a:gd name="connsiteX7" fmla="*/ 31970 w 6099433"/>
              <a:gd name="connsiteY7" fmla="*/ 1935353 h 6858000"/>
              <a:gd name="connsiteX8" fmla="*/ 254264 w 6099433"/>
              <a:gd name="connsiteY8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6099433" h="6858000">
                <a:moveTo>
                  <a:pt x="254264" y="0"/>
                </a:moveTo>
                <a:lnTo>
                  <a:pt x="6099433" y="0"/>
                </a:lnTo>
                <a:lnTo>
                  <a:pt x="6099433" y="6858000"/>
                </a:lnTo>
                <a:lnTo>
                  <a:pt x="6085986" y="6858000"/>
                </a:lnTo>
                <a:lnTo>
                  <a:pt x="6085986" y="6678000"/>
                </a:lnTo>
                <a:lnTo>
                  <a:pt x="2055716" y="6678000"/>
                </a:lnTo>
                <a:lnTo>
                  <a:pt x="2030900" y="6634513"/>
                </a:lnTo>
                <a:cubicBezTo>
                  <a:pt x="1593147" y="5864395"/>
                  <a:pt x="180714" y="3293880"/>
                  <a:pt x="31970" y="1935353"/>
                </a:cubicBezTo>
                <a:cubicBezTo>
                  <a:pt x="-60800" y="1087755"/>
                  <a:pt x="58965" y="459359"/>
                  <a:pt x="2542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576000" bIns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8" name="Dynamic legal" descr="{&quot;templafy&quot;:{&quot;id&quot;:&quot;173b493c-7667-494d-bb0f-bdfcc92930b2&quot;}}">
            <a:extLst>
              <a:ext uri="{FF2B5EF4-FFF2-40B4-BE49-F238E27FC236}">
                <a16:creationId xmlns:a16="http://schemas.microsoft.com/office/drawing/2014/main" id="{5B7198C0-317E-DF42-0318-75B4D4E8E824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0b576405-0ade-45b5-afe6-5f61ead4c5f6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CAFADA8D-5700-6A24-0A13-07496FFAEBD4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01155BA4-9690-54DE-D396-BEE36AEBE8F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35073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295DDA6B-AC8C-A901-7118-1CD00897B63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35073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9BF78AF2-297F-235E-F639-F68E31D9E763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7413823" y="6318000"/>
            <a:ext cx="1191077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F5B2AAA-B38E-4A11-879F-3A8546A9663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9" name="Footer Placeholder 6">
            <a:extLst>
              <a:ext uri="{FF2B5EF4-FFF2-40B4-BE49-F238E27FC236}">
                <a16:creationId xmlns:a16="http://schemas.microsoft.com/office/drawing/2014/main" id="{37AD13BB-B2F1-A580-B1A7-9233F7FDD42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6DAFAA34-7650-B385-0DD8-5608BC81D7D3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53388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 and picture">
    <p:bg bwMode="ltGray"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72B71523-1CD5-C290-0697-AE0AF18C2D3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579511" y="0"/>
            <a:ext cx="4574575" cy="6858000"/>
          </a:xfrm>
          <a:custGeom>
            <a:avLst/>
            <a:gdLst>
              <a:gd name="connsiteX0" fmla="*/ 254264 w 6099433"/>
              <a:gd name="connsiteY0" fmla="*/ 0 h 6858000"/>
              <a:gd name="connsiteX1" fmla="*/ 6099433 w 6099433"/>
              <a:gd name="connsiteY1" fmla="*/ 0 h 6858000"/>
              <a:gd name="connsiteX2" fmla="*/ 6099433 w 6099433"/>
              <a:gd name="connsiteY2" fmla="*/ 6858000 h 6858000"/>
              <a:gd name="connsiteX3" fmla="*/ 6085986 w 6099433"/>
              <a:gd name="connsiteY3" fmla="*/ 6858000 h 6858000"/>
              <a:gd name="connsiteX4" fmla="*/ 6085986 w 6099433"/>
              <a:gd name="connsiteY4" fmla="*/ 6678000 h 6858000"/>
              <a:gd name="connsiteX5" fmla="*/ 2055716 w 6099433"/>
              <a:gd name="connsiteY5" fmla="*/ 6678000 h 6858000"/>
              <a:gd name="connsiteX6" fmla="*/ 2030900 w 6099433"/>
              <a:gd name="connsiteY6" fmla="*/ 6634513 h 6858000"/>
              <a:gd name="connsiteX7" fmla="*/ 31970 w 6099433"/>
              <a:gd name="connsiteY7" fmla="*/ 1935353 h 6858000"/>
              <a:gd name="connsiteX8" fmla="*/ 254264 w 6099433"/>
              <a:gd name="connsiteY8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6099433" h="6858000">
                <a:moveTo>
                  <a:pt x="254264" y="0"/>
                </a:moveTo>
                <a:lnTo>
                  <a:pt x="6099433" y="0"/>
                </a:lnTo>
                <a:lnTo>
                  <a:pt x="6099433" y="6858000"/>
                </a:lnTo>
                <a:lnTo>
                  <a:pt x="6085986" y="6858000"/>
                </a:lnTo>
                <a:lnTo>
                  <a:pt x="6085986" y="6678000"/>
                </a:lnTo>
                <a:lnTo>
                  <a:pt x="2055716" y="6678000"/>
                </a:lnTo>
                <a:lnTo>
                  <a:pt x="2030900" y="6634513"/>
                </a:lnTo>
                <a:cubicBezTo>
                  <a:pt x="1593147" y="5864395"/>
                  <a:pt x="180714" y="3293880"/>
                  <a:pt x="31970" y="1935353"/>
                </a:cubicBezTo>
                <a:cubicBezTo>
                  <a:pt x="-60800" y="1087755"/>
                  <a:pt x="58965" y="459359"/>
                  <a:pt x="254264" y="0"/>
                </a:cubicBez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tIns="576000" bIns="0" anchor="ctr">
            <a:noAutofit/>
          </a:bodyPr>
          <a:lstStyle>
            <a:lvl1pPr marL="0" indent="0" algn="ctr">
              <a:spcAft>
                <a:spcPts val="0"/>
              </a:spcAft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en-US"/>
          </a:p>
        </p:txBody>
      </p:sp>
      <p:sp>
        <p:nvSpPr>
          <p:cNvPr id="8" name="Dynamic legal" descr="{&quot;templafy&quot;:{&quot;id&quot;:&quot;4a713fd7-0d49-4121-9e2e-085427c04033&quot;}}">
            <a:extLst>
              <a:ext uri="{FF2B5EF4-FFF2-40B4-BE49-F238E27FC236}">
                <a16:creationId xmlns:a16="http://schemas.microsoft.com/office/drawing/2014/main" id="{3A1EC0A8-548B-F093-3F7C-D2744B7080C8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d3f6c5e9-a429-4089-8578-69a2e74e4236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1A765C6B-A34F-EE16-8BDD-315AD6F56A37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01155BA4-9690-54DE-D396-BEE36AEBE8F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35073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2" name="Subtitle 2">
            <a:extLst>
              <a:ext uri="{FF2B5EF4-FFF2-40B4-BE49-F238E27FC236}">
                <a16:creationId xmlns:a16="http://schemas.microsoft.com/office/drawing/2014/main" id="{7C3AB6C4-8CAE-CB4D-2397-DBDC7ACF35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35073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11054277-595B-B532-8981-AB11FD0F158A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7413823" y="6318000"/>
            <a:ext cx="1191077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4A36FC6-8660-4F9E-8F2C-067F5D4B8D6C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9" name="Footer Placeholder 6">
            <a:extLst>
              <a:ext uri="{FF2B5EF4-FFF2-40B4-BE49-F238E27FC236}">
                <a16:creationId xmlns:a16="http://schemas.microsoft.com/office/drawing/2014/main" id="{D6F29D76-FEF0-3D2C-70C5-C3FB30FBEF17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2BAD4C6-2A6C-C9C6-1699-885FE6D4503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27386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. Cover and picture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FB7A62FA-117D-4C80-FBCC-784C505497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7237571" cy="6678000"/>
          </a:xfrm>
          <a:custGeom>
            <a:avLst/>
            <a:gdLst>
              <a:gd name="connsiteX0" fmla="*/ 0 w 9650095"/>
              <a:gd name="connsiteY0" fmla="*/ 0 h 6678000"/>
              <a:gd name="connsiteX1" fmla="*/ 9650095 w 9650095"/>
              <a:gd name="connsiteY1" fmla="*/ 0 h 6678000"/>
              <a:gd name="connsiteX2" fmla="*/ 8347202 w 9650095"/>
              <a:gd name="connsiteY2" fmla="*/ 5439537 h 6678000"/>
              <a:gd name="connsiteX3" fmla="*/ 8337112 w 9650095"/>
              <a:gd name="connsiteY3" fmla="*/ 6547211 h 6678000"/>
              <a:gd name="connsiteX4" fmla="*/ 8353971 w 9650095"/>
              <a:gd name="connsiteY4" fmla="*/ 6678000 h 6678000"/>
              <a:gd name="connsiteX5" fmla="*/ 0 w 9650095"/>
              <a:gd name="connsiteY5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650095" h="6678000">
                <a:moveTo>
                  <a:pt x="0" y="0"/>
                </a:moveTo>
                <a:lnTo>
                  <a:pt x="9650095" y="0"/>
                </a:lnTo>
                <a:cubicBezTo>
                  <a:pt x="9650095" y="0"/>
                  <a:pt x="8523859" y="3660394"/>
                  <a:pt x="8347202" y="5439537"/>
                </a:cubicBezTo>
                <a:cubicBezTo>
                  <a:pt x="8305959" y="5854732"/>
                  <a:pt x="8306579" y="6222349"/>
                  <a:pt x="8337112" y="6547211"/>
                </a:cubicBezTo>
                <a:lnTo>
                  <a:pt x="8353971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l">
              <a:spcAft>
                <a:spcPts val="0"/>
              </a:spcAft>
              <a:buFont typeface="Arial" panose="020B0604020202020204" pitchFamily="34" charset="0"/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 or click on frame and insert picture using the Insert tab - Pictures</a:t>
            </a:r>
            <a:endParaRPr lang="en-US"/>
          </a:p>
        </p:txBody>
      </p:sp>
      <p:sp>
        <p:nvSpPr>
          <p:cNvPr id="11" name="Dynamic legal" descr="{&quot;templafy&quot;:{&quot;id&quot;:&quot;2931a434-a8bb-44de-97f3-4e74b5046023&quot;}}">
            <a:extLst>
              <a:ext uri="{FF2B5EF4-FFF2-40B4-BE49-F238E27FC236}">
                <a16:creationId xmlns:a16="http://schemas.microsoft.com/office/drawing/2014/main" id="{EF8A2AE8-892C-928A-BE6A-6F50B4F47069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7b513e0f-9de1-4af0-9016-d5ba6bac8ac9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A58F6C25-841E-F9D0-5531-344CDA626D0E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9" name="Text Placeholder logo">
            <a:extLst>
              <a:ext uri="{FF2B5EF4-FFF2-40B4-BE49-F238E27FC236}">
                <a16:creationId xmlns:a16="http://schemas.microsoft.com/office/drawing/2014/main" id="{218D1888-5A40-7BB4-FD40-23F04A7C82B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69081" y="5738400"/>
            <a:ext cx="1047600" cy="7596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49626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17E59AF6-EB40-CFAB-321E-7AE7E991798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4962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04A04B7-ECEC-9516-BA61-8DF3F5126838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7413823" y="6318000"/>
            <a:ext cx="1191077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EA38ABBE-48C4-4A70-A8B6-A46D601BDA13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3" name="Slide Number Placeholder 9">
            <a:extLst>
              <a:ext uri="{FF2B5EF4-FFF2-40B4-BE49-F238E27FC236}">
                <a16:creationId xmlns:a16="http://schemas.microsoft.com/office/drawing/2014/main" id="{A08E2AC8-24CB-456F-D16B-56AC8480CE1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6">
            <a:extLst>
              <a:ext uri="{FF2B5EF4-FFF2-40B4-BE49-F238E27FC236}">
                <a16:creationId xmlns:a16="http://schemas.microsoft.com/office/drawing/2014/main" id="{47FDD2A7-1887-CF90-1141-953384B4B6FE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157802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. Cover and picture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FE246F1-8DD5-E4B4-9816-84E2452AAA6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7237571" cy="6678000"/>
          </a:xfrm>
          <a:custGeom>
            <a:avLst/>
            <a:gdLst>
              <a:gd name="connsiteX0" fmla="*/ 0 w 9650095"/>
              <a:gd name="connsiteY0" fmla="*/ 0 h 6678000"/>
              <a:gd name="connsiteX1" fmla="*/ 9650095 w 9650095"/>
              <a:gd name="connsiteY1" fmla="*/ 0 h 6678000"/>
              <a:gd name="connsiteX2" fmla="*/ 8347202 w 9650095"/>
              <a:gd name="connsiteY2" fmla="*/ 5439537 h 6678000"/>
              <a:gd name="connsiteX3" fmla="*/ 8337112 w 9650095"/>
              <a:gd name="connsiteY3" fmla="*/ 6547211 h 6678000"/>
              <a:gd name="connsiteX4" fmla="*/ 8353971 w 9650095"/>
              <a:gd name="connsiteY4" fmla="*/ 6678000 h 6678000"/>
              <a:gd name="connsiteX5" fmla="*/ 0 w 9650095"/>
              <a:gd name="connsiteY5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650095" h="6678000">
                <a:moveTo>
                  <a:pt x="0" y="0"/>
                </a:moveTo>
                <a:lnTo>
                  <a:pt x="9650095" y="0"/>
                </a:lnTo>
                <a:cubicBezTo>
                  <a:pt x="9650095" y="0"/>
                  <a:pt x="8523859" y="3660394"/>
                  <a:pt x="8347202" y="5439537"/>
                </a:cubicBezTo>
                <a:cubicBezTo>
                  <a:pt x="8305959" y="5854732"/>
                  <a:pt x="8306579" y="6222349"/>
                  <a:pt x="8337112" y="6547211"/>
                </a:cubicBezTo>
                <a:lnTo>
                  <a:pt x="8353971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l">
              <a:spcAft>
                <a:spcPts val="0"/>
              </a:spcAft>
              <a:buFont typeface="Arial" panose="020B0604020202020204" pitchFamily="34" charset="0"/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 or click on frame and insert picture using the Insert tab - Pictures</a:t>
            </a:r>
            <a:endParaRPr lang="en-US"/>
          </a:p>
        </p:txBody>
      </p:sp>
      <p:sp>
        <p:nvSpPr>
          <p:cNvPr id="5" name="Dynamic legal" descr="{&quot;templafy&quot;:{&quot;id&quot;:&quot;ba62bc3e-464a-4547-a657-c23f9bf8e8d2&quot;}}">
            <a:extLst>
              <a:ext uri="{FF2B5EF4-FFF2-40B4-BE49-F238E27FC236}">
                <a16:creationId xmlns:a16="http://schemas.microsoft.com/office/drawing/2014/main" id="{0D7F5B99-6172-CA5C-7EBD-8A390C7C3B66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2" name="Dynmic Internal use only" descr="{&quot;templafy&quot;:{&quot;id&quot;:&quot;0443968b-3439-4e9c-95fc-b4d6f8365538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5B4DCF06-C2DD-86AA-462D-027E576CD461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9" name="Text Placeholder logo">
            <a:extLst>
              <a:ext uri="{FF2B5EF4-FFF2-40B4-BE49-F238E27FC236}">
                <a16:creationId xmlns:a16="http://schemas.microsoft.com/office/drawing/2014/main" id="{218D1888-5A40-7BB4-FD40-23F04A7C82B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69081" y="5738400"/>
            <a:ext cx="1047600" cy="7596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1360800"/>
            <a:ext cx="4961608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17E59AF6-EB40-CFAB-321E-7AE7E991798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4961608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228904D9-701C-5423-693C-FA78F1DAB3E8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7413823" y="6318000"/>
            <a:ext cx="1191077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56086B65-FA9A-4CB4-A3BE-AA9513CD03E1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100478DC-53AC-A6DC-E7B7-565F138D561F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6">
            <a:extLst>
              <a:ext uri="{FF2B5EF4-FFF2-40B4-BE49-F238E27FC236}">
                <a16:creationId xmlns:a16="http://schemas.microsoft.com/office/drawing/2014/main" id="{AE8E3507-9E29-AC74-C724-26DF27A23B41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5212093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804915-0AA5-88A7-550C-EDDA662671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E87B0AC-256A-DD5C-1FB2-5A51ABFB7B1B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Slide Number Placeholder 8">
            <a:extLst>
              <a:ext uri="{FF2B5EF4-FFF2-40B4-BE49-F238E27FC236}">
                <a16:creationId xmlns:a16="http://schemas.microsoft.com/office/drawing/2014/main" id="{5A045CC1-F708-75DB-0413-2633432B1DC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Date Placeholder 3">
            <a:extLst>
              <a:ext uri="{FF2B5EF4-FFF2-40B4-BE49-F238E27FC236}">
                <a16:creationId xmlns:a16="http://schemas.microsoft.com/office/drawing/2014/main" id="{37A46801-83C0-100C-AE14-99F3FA21B684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01B4BE17-8A7A-4720-89F8-DFCD223400A0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42050931"/>
      </p:ext>
    </p:extLst>
  </p:cSld>
  <p:clrMapOvr>
    <a:masterClrMapping/>
  </p:clrMapOvr>
  <p:transition/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. Cover and picture">
    <p:bg bwMode="ltGray"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2DA42368-07DC-A18A-7B5D-9040BAFD08B0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7237571" cy="6678000"/>
          </a:xfrm>
          <a:custGeom>
            <a:avLst/>
            <a:gdLst>
              <a:gd name="connsiteX0" fmla="*/ 0 w 9650095"/>
              <a:gd name="connsiteY0" fmla="*/ 0 h 6678000"/>
              <a:gd name="connsiteX1" fmla="*/ 9650095 w 9650095"/>
              <a:gd name="connsiteY1" fmla="*/ 0 h 6678000"/>
              <a:gd name="connsiteX2" fmla="*/ 8347202 w 9650095"/>
              <a:gd name="connsiteY2" fmla="*/ 5439537 h 6678000"/>
              <a:gd name="connsiteX3" fmla="*/ 8337112 w 9650095"/>
              <a:gd name="connsiteY3" fmla="*/ 6547211 h 6678000"/>
              <a:gd name="connsiteX4" fmla="*/ 8353971 w 9650095"/>
              <a:gd name="connsiteY4" fmla="*/ 6678000 h 6678000"/>
              <a:gd name="connsiteX5" fmla="*/ 0 w 9650095"/>
              <a:gd name="connsiteY5" fmla="*/ 6678000 h 667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650095" h="6678000">
                <a:moveTo>
                  <a:pt x="0" y="0"/>
                </a:moveTo>
                <a:lnTo>
                  <a:pt x="9650095" y="0"/>
                </a:lnTo>
                <a:cubicBezTo>
                  <a:pt x="9650095" y="0"/>
                  <a:pt x="8523859" y="3660394"/>
                  <a:pt x="8347202" y="5439537"/>
                </a:cubicBezTo>
                <a:cubicBezTo>
                  <a:pt x="8305959" y="5854732"/>
                  <a:pt x="8306579" y="6222349"/>
                  <a:pt x="8337112" y="6547211"/>
                </a:cubicBezTo>
                <a:lnTo>
                  <a:pt x="8353971" y="6678000"/>
                </a:lnTo>
                <a:lnTo>
                  <a:pt x="0" y="6678000"/>
                </a:lnTo>
                <a:close/>
              </a:path>
            </a:pathLst>
          </a:custGeom>
          <a:solidFill>
            <a:schemeClr val="tx1">
              <a:lumMod val="8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l">
              <a:spcAft>
                <a:spcPts val="0"/>
              </a:spcAft>
              <a:buFont typeface="Arial" panose="020B0604020202020204" pitchFamily="34" charset="0"/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 or click on frame and insert picture using the Insert tab - Pictures</a:t>
            </a:r>
            <a:endParaRPr lang="en-US"/>
          </a:p>
        </p:txBody>
      </p:sp>
      <p:sp>
        <p:nvSpPr>
          <p:cNvPr id="3" name="Dynamic legal" descr="{&quot;templafy&quot;:{&quot;id&quot;:&quot;3fc02fba-be74-41b9-a47e-c9a229d91bbf&quot;}}">
            <a:extLst>
              <a:ext uri="{FF2B5EF4-FFF2-40B4-BE49-F238E27FC236}">
                <a16:creationId xmlns:a16="http://schemas.microsoft.com/office/drawing/2014/main" id="{D711B8BE-7563-FD81-8A3C-DDACBF765A3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40162215-7968-427f-8a9d-9ce4269cb6e7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31A9A2FA-543C-7469-60C0-49FE2D83A890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sp>
        <p:nvSpPr>
          <p:cNvPr id="9" name="Text Placeholder logo">
            <a:extLst>
              <a:ext uri="{FF2B5EF4-FFF2-40B4-BE49-F238E27FC236}">
                <a16:creationId xmlns:a16="http://schemas.microsoft.com/office/drawing/2014/main" id="{218D1888-5A40-7BB4-FD40-23F04A7C82B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69081" y="5738400"/>
            <a:ext cx="1047600" cy="7596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CEC75FB5-25E2-4D69-1E5E-374CC77CD3F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9" y="1360800"/>
            <a:ext cx="49626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17E59AF6-EB40-CFAB-321E-7AE7E991798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4962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7" name="Date Placeholder 1">
            <a:extLst>
              <a:ext uri="{FF2B5EF4-FFF2-40B4-BE49-F238E27FC236}">
                <a16:creationId xmlns:a16="http://schemas.microsoft.com/office/drawing/2014/main" id="{4E92B8EE-1ADF-DDD3-61E2-EB441472F9CD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7413823" y="6318000"/>
            <a:ext cx="1191077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987FCE39-5EEC-4D4A-8C9B-BF6A32DC922E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740D2082-12E8-3F62-6B89-C33609BA988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Footer Placeholder 6">
            <a:extLst>
              <a:ext uri="{FF2B5EF4-FFF2-40B4-BE49-F238E27FC236}">
                <a16:creationId xmlns:a16="http://schemas.microsoft.com/office/drawing/2014/main" id="{B6BDCC74-E0AC-2A1F-0C25-46229D454B18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3982272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 color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109" name="Group 108">
            <a:extLst>
              <a:ext uri="{FF2B5EF4-FFF2-40B4-BE49-F238E27FC236}">
                <a16:creationId xmlns:a16="http://schemas.microsoft.com/office/drawing/2014/main" id="{EF1432D5-A3F9-115B-962B-388A466D0024}"/>
              </a:ext>
            </a:extLst>
          </p:cNvPr>
          <p:cNvGrpSpPr/>
          <p:nvPr userDrawn="1"/>
        </p:nvGrpSpPr>
        <p:grpSpPr>
          <a:xfrm>
            <a:off x="4918693" y="1"/>
            <a:ext cx="4225307" cy="6858001"/>
            <a:chOff x="6558257" y="0"/>
            <a:chExt cx="5633743" cy="6858001"/>
          </a:xfrm>
          <a:solidFill>
            <a:schemeClr val="tx2"/>
          </a:solidFill>
        </p:grpSpPr>
        <p:sp>
          <p:nvSpPr>
            <p:cNvPr id="7" name="Freeform 5">
              <a:extLst>
                <a:ext uri="{FF2B5EF4-FFF2-40B4-BE49-F238E27FC236}">
                  <a16:creationId xmlns:a16="http://schemas.microsoft.com/office/drawing/2014/main" id="{024A1C9F-3168-578B-8BDE-5FD7886BD37A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8824" y="2544977"/>
              <a:ext cx="1414713" cy="929669"/>
            </a:xfrm>
            <a:custGeom>
              <a:avLst/>
              <a:gdLst>
                <a:gd name="T0" fmla="*/ 156 w 401"/>
                <a:gd name="T1" fmla="*/ 225 h 264"/>
                <a:gd name="T2" fmla="*/ 0 w 401"/>
                <a:gd name="T3" fmla="*/ 34 h 264"/>
                <a:gd name="T4" fmla="*/ 246 w 401"/>
                <a:gd name="T5" fmla="*/ 39 h 264"/>
                <a:gd name="T6" fmla="*/ 401 w 401"/>
                <a:gd name="T7" fmla="*/ 229 h 264"/>
                <a:gd name="T8" fmla="*/ 156 w 401"/>
                <a:gd name="T9" fmla="*/ 225 h 26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01" h="264">
                  <a:moveTo>
                    <a:pt x="156" y="225"/>
                  </a:moveTo>
                  <a:cubicBezTo>
                    <a:pt x="75" y="186"/>
                    <a:pt x="21" y="115"/>
                    <a:pt x="0" y="34"/>
                  </a:cubicBezTo>
                  <a:cubicBezTo>
                    <a:pt x="76" y="1"/>
                    <a:pt x="166" y="0"/>
                    <a:pt x="246" y="39"/>
                  </a:cubicBezTo>
                  <a:cubicBezTo>
                    <a:pt x="327" y="78"/>
                    <a:pt x="381" y="149"/>
                    <a:pt x="401" y="229"/>
                  </a:cubicBezTo>
                  <a:cubicBezTo>
                    <a:pt x="326" y="263"/>
                    <a:pt x="236" y="264"/>
                    <a:pt x="156" y="225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" name="Freeform 6">
              <a:extLst>
                <a:ext uri="{FF2B5EF4-FFF2-40B4-BE49-F238E27FC236}">
                  <a16:creationId xmlns:a16="http://schemas.microsoft.com/office/drawing/2014/main" id="{328E937B-75AD-DF1D-7917-61D54E6247C5}"/>
                </a:ext>
              </a:extLst>
            </p:cNvPr>
            <p:cNvSpPr>
              <a:spLocks/>
            </p:cNvSpPr>
            <p:nvPr/>
          </p:nvSpPr>
          <p:spPr bwMode="auto">
            <a:xfrm>
              <a:off x="8472451" y="2068594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" name="Freeform 8">
              <a:extLst>
                <a:ext uri="{FF2B5EF4-FFF2-40B4-BE49-F238E27FC236}">
                  <a16:creationId xmlns:a16="http://schemas.microsoft.com/office/drawing/2014/main" id="{C85033FA-793E-AA01-0AB1-F5E7C6942C1A}"/>
                </a:ext>
              </a:extLst>
            </p:cNvPr>
            <p:cNvSpPr>
              <a:spLocks/>
            </p:cNvSpPr>
            <p:nvPr/>
          </p:nvSpPr>
          <p:spPr bwMode="auto">
            <a:xfrm>
              <a:off x="8172185" y="4496704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1" name="Freeform 9">
              <a:extLst>
                <a:ext uri="{FF2B5EF4-FFF2-40B4-BE49-F238E27FC236}">
                  <a16:creationId xmlns:a16="http://schemas.microsoft.com/office/drawing/2014/main" id="{969D7882-626D-04E8-A8B2-115119BF2A22}"/>
                </a:ext>
              </a:extLst>
            </p:cNvPr>
            <p:cNvSpPr>
              <a:spLocks/>
            </p:cNvSpPr>
            <p:nvPr/>
          </p:nvSpPr>
          <p:spPr bwMode="auto">
            <a:xfrm>
              <a:off x="7199209" y="3823993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2" name="Freeform 10">
              <a:extLst>
                <a:ext uri="{FF2B5EF4-FFF2-40B4-BE49-F238E27FC236}">
                  <a16:creationId xmlns:a16="http://schemas.microsoft.com/office/drawing/2014/main" id="{1CCD7702-4DED-B05D-E109-C679BDCF70CF}"/>
                </a:ext>
              </a:extLst>
            </p:cNvPr>
            <p:cNvSpPr>
              <a:spLocks/>
            </p:cNvSpPr>
            <p:nvPr/>
          </p:nvSpPr>
          <p:spPr bwMode="auto">
            <a:xfrm>
              <a:off x="8027827" y="5746848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" name="Freeform 11">
              <a:extLst>
                <a:ext uri="{FF2B5EF4-FFF2-40B4-BE49-F238E27FC236}">
                  <a16:creationId xmlns:a16="http://schemas.microsoft.com/office/drawing/2014/main" id="{11FDB7A3-B7E0-6D67-D723-C1A2324C96F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39665" y="5498552"/>
              <a:ext cx="444624" cy="609193"/>
            </a:xfrm>
            <a:custGeom>
              <a:avLst/>
              <a:gdLst>
                <a:gd name="T0" fmla="*/ 103 w 126"/>
                <a:gd name="T1" fmla="*/ 110 h 173"/>
                <a:gd name="T2" fmla="*/ 12 w 126"/>
                <a:gd name="T3" fmla="*/ 173 h 173"/>
                <a:gd name="T4" fmla="*/ 23 w 126"/>
                <a:gd name="T5" fmla="*/ 63 h 173"/>
                <a:gd name="T6" fmla="*/ 114 w 126"/>
                <a:gd name="T7" fmla="*/ 0 h 173"/>
                <a:gd name="T8" fmla="*/ 103 w 126"/>
                <a:gd name="T9" fmla="*/ 110 h 17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26" h="173">
                  <a:moveTo>
                    <a:pt x="103" y="110"/>
                  </a:moveTo>
                  <a:cubicBezTo>
                    <a:pt x="82" y="145"/>
                    <a:pt x="49" y="167"/>
                    <a:pt x="12" y="173"/>
                  </a:cubicBezTo>
                  <a:cubicBezTo>
                    <a:pt x="0" y="138"/>
                    <a:pt x="2" y="98"/>
                    <a:pt x="23" y="63"/>
                  </a:cubicBezTo>
                  <a:cubicBezTo>
                    <a:pt x="43" y="28"/>
                    <a:pt x="77" y="7"/>
                    <a:pt x="114" y="0"/>
                  </a:cubicBezTo>
                  <a:cubicBezTo>
                    <a:pt x="126" y="36"/>
                    <a:pt x="123" y="76"/>
                    <a:pt x="103" y="1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" name="Freeform 12">
              <a:extLst>
                <a:ext uri="{FF2B5EF4-FFF2-40B4-BE49-F238E27FC236}">
                  <a16:creationId xmlns:a16="http://schemas.microsoft.com/office/drawing/2014/main" id="{4756103D-ABD1-2B3D-AC33-EC23E5C5FFE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091114" y="4620852"/>
              <a:ext cx="762213" cy="1157755"/>
            </a:xfrm>
            <a:custGeom>
              <a:avLst/>
              <a:gdLst>
                <a:gd name="T0" fmla="*/ 185 w 217"/>
                <a:gd name="T1" fmla="*/ 202 h 328"/>
                <a:gd name="T2" fmla="*/ 27 w 217"/>
                <a:gd name="T3" fmla="*/ 328 h 328"/>
                <a:gd name="T4" fmla="*/ 33 w 217"/>
                <a:gd name="T5" fmla="*/ 127 h 328"/>
                <a:gd name="T6" fmla="*/ 190 w 217"/>
                <a:gd name="T7" fmla="*/ 0 h 328"/>
                <a:gd name="T8" fmla="*/ 185 w 217"/>
                <a:gd name="T9" fmla="*/ 202 h 32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7" h="328">
                  <a:moveTo>
                    <a:pt x="185" y="202"/>
                  </a:moveTo>
                  <a:cubicBezTo>
                    <a:pt x="152" y="268"/>
                    <a:pt x="93" y="312"/>
                    <a:pt x="27" y="328"/>
                  </a:cubicBezTo>
                  <a:cubicBezTo>
                    <a:pt x="0" y="266"/>
                    <a:pt x="0" y="192"/>
                    <a:pt x="33" y="127"/>
                  </a:cubicBezTo>
                  <a:cubicBezTo>
                    <a:pt x="65" y="61"/>
                    <a:pt x="124" y="17"/>
                    <a:pt x="190" y="0"/>
                  </a:cubicBezTo>
                  <a:cubicBezTo>
                    <a:pt x="217" y="63"/>
                    <a:pt x="217" y="136"/>
                    <a:pt x="185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5" name="Freeform 13">
              <a:extLst>
                <a:ext uri="{FF2B5EF4-FFF2-40B4-BE49-F238E27FC236}">
                  <a16:creationId xmlns:a16="http://schemas.microsoft.com/office/drawing/2014/main" id="{A4FA5AC8-FF67-D98B-99E5-ED07F35712D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71943" y="272774"/>
              <a:ext cx="845941" cy="984525"/>
            </a:xfrm>
            <a:custGeom>
              <a:avLst/>
              <a:gdLst>
                <a:gd name="T0" fmla="*/ 185 w 240"/>
                <a:gd name="T1" fmla="*/ 91 h 280"/>
                <a:gd name="T2" fmla="*/ 225 w 240"/>
                <a:gd name="T3" fmla="*/ 280 h 280"/>
                <a:gd name="T4" fmla="*/ 55 w 240"/>
                <a:gd name="T5" fmla="*/ 189 h 280"/>
                <a:gd name="T6" fmla="*/ 15 w 240"/>
                <a:gd name="T7" fmla="*/ 0 h 280"/>
                <a:gd name="T8" fmla="*/ 185 w 240"/>
                <a:gd name="T9" fmla="*/ 91 h 28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0" h="280">
                  <a:moveTo>
                    <a:pt x="185" y="91"/>
                  </a:moveTo>
                  <a:cubicBezTo>
                    <a:pt x="227" y="147"/>
                    <a:pt x="240" y="216"/>
                    <a:pt x="225" y="280"/>
                  </a:cubicBezTo>
                  <a:cubicBezTo>
                    <a:pt x="160" y="276"/>
                    <a:pt x="97" y="245"/>
                    <a:pt x="55" y="189"/>
                  </a:cubicBezTo>
                  <a:cubicBezTo>
                    <a:pt x="13" y="133"/>
                    <a:pt x="0" y="64"/>
                    <a:pt x="15" y="0"/>
                  </a:cubicBezTo>
                  <a:cubicBezTo>
                    <a:pt x="80" y="4"/>
                    <a:pt x="143" y="35"/>
                    <a:pt x="185" y="9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E97028E4-1F95-1D28-439C-967F723B86D4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69989" y="3795700"/>
              <a:ext cx="222011" cy="1279191"/>
            </a:xfrm>
            <a:custGeom>
              <a:avLst/>
              <a:gdLst>
                <a:gd name="connsiteX0" fmla="*/ 222011 w 222011"/>
                <a:gd name="connsiteY0" fmla="*/ 0 h 1279191"/>
                <a:gd name="connsiteX1" fmla="*/ 222011 w 222011"/>
                <a:gd name="connsiteY1" fmla="*/ 1279191 h 1279191"/>
                <a:gd name="connsiteX2" fmla="*/ 182381 w 222011"/>
                <a:gd name="connsiteY2" fmla="*/ 1227648 h 1279191"/>
                <a:gd name="connsiteX3" fmla="*/ 14142 w 222011"/>
                <a:gd name="connsiteY3" fmla="*/ 804179 h 1279191"/>
                <a:gd name="connsiteX4" fmla="*/ 185629 w 222011"/>
                <a:gd name="connsiteY4" fmla="*/ 47028 h 127919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22011" h="1279191">
                  <a:moveTo>
                    <a:pt x="222011" y="0"/>
                  </a:moveTo>
                  <a:lnTo>
                    <a:pt x="222011" y="1279191"/>
                  </a:lnTo>
                  <a:lnTo>
                    <a:pt x="182381" y="1227648"/>
                  </a:lnTo>
                  <a:cubicBezTo>
                    <a:pt x="97821" y="1104393"/>
                    <a:pt x="38805" y="960889"/>
                    <a:pt x="14142" y="804179"/>
                  </a:cubicBezTo>
                  <a:cubicBezTo>
                    <a:pt x="-32102" y="526855"/>
                    <a:pt x="37649" y="260316"/>
                    <a:pt x="185629" y="4702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7" name="Freeform 15">
              <a:extLst>
                <a:ext uri="{FF2B5EF4-FFF2-40B4-BE49-F238E27FC236}">
                  <a16:creationId xmlns:a16="http://schemas.microsoft.com/office/drawing/2014/main" id="{04B4D291-0C14-3E70-A9E2-A9A414F7DCD8}"/>
                </a:ext>
              </a:extLst>
            </p:cNvPr>
            <p:cNvSpPr>
              <a:spLocks/>
            </p:cNvSpPr>
            <p:nvPr/>
          </p:nvSpPr>
          <p:spPr bwMode="auto">
            <a:xfrm>
              <a:off x="6878733" y="1635518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8" name="Freeform 16">
              <a:extLst>
                <a:ext uri="{FF2B5EF4-FFF2-40B4-BE49-F238E27FC236}">
                  <a16:creationId xmlns:a16="http://schemas.microsoft.com/office/drawing/2014/main" id="{20AC9553-328E-B9EA-F074-A9482E9681C6}"/>
                </a:ext>
              </a:extLst>
            </p:cNvPr>
            <p:cNvSpPr>
              <a:spLocks/>
            </p:cNvSpPr>
            <p:nvPr/>
          </p:nvSpPr>
          <p:spPr bwMode="auto">
            <a:xfrm>
              <a:off x="9621545" y="5524536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9" name="Freeform 17">
              <a:extLst>
                <a:ext uri="{FF2B5EF4-FFF2-40B4-BE49-F238E27FC236}">
                  <a16:creationId xmlns:a16="http://schemas.microsoft.com/office/drawing/2014/main" id="{E9213E32-D0DB-9F57-2BDB-C34A607EDCA1}"/>
                </a:ext>
              </a:extLst>
            </p:cNvPr>
            <p:cNvSpPr>
              <a:spLocks/>
            </p:cNvSpPr>
            <p:nvPr/>
          </p:nvSpPr>
          <p:spPr bwMode="auto">
            <a:xfrm>
              <a:off x="8940173" y="3171493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8F3583FA-2F33-BF1D-EB69-85FAFEFCA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9043" y="0"/>
              <a:ext cx="487585" cy="676978"/>
            </a:xfrm>
            <a:custGeom>
              <a:avLst/>
              <a:gdLst>
                <a:gd name="connsiteX0" fmla="*/ 11666 w 487585"/>
                <a:gd name="connsiteY0" fmla="*/ 0 h 676978"/>
                <a:gd name="connsiteX1" fmla="*/ 434755 w 487585"/>
                <a:gd name="connsiteY1" fmla="*/ 0 h 676978"/>
                <a:gd name="connsiteX2" fmla="*/ 477547 w 487585"/>
                <a:gd name="connsiteY2" fmla="*/ 138465 h 676978"/>
                <a:gd name="connsiteX3" fmla="*/ 332868 w 487585"/>
                <a:gd name="connsiteY3" fmla="*/ 676978 h 676978"/>
                <a:gd name="connsiteX4" fmla="*/ 11750 w 487585"/>
                <a:gd name="connsiteY4" fmla="*/ 219418 h 676978"/>
                <a:gd name="connsiteX5" fmla="*/ 558 w 487585"/>
                <a:gd name="connsiteY5" fmla="*/ 70930 h 67697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487585" h="676978">
                  <a:moveTo>
                    <a:pt x="11666" y="0"/>
                  </a:moveTo>
                  <a:lnTo>
                    <a:pt x="434755" y="0"/>
                  </a:lnTo>
                  <a:lnTo>
                    <a:pt x="477547" y="138465"/>
                  </a:lnTo>
                  <a:cubicBezTo>
                    <a:pt x="512835" y="339087"/>
                    <a:pt x="452846" y="532670"/>
                    <a:pt x="332868" y="676978"/>
                  </a:cubicBezTo>
                  <a:cubicBezTo>
                    <a:pt x="170545" y="585466"/>
                    <a:pt x="47038" y="420040"/>
                    <a:pt x="11750" y="219418"/>
                  </a:cubicBezTo>
                  <a:cubicBezTo>
                    <a:pt x="2046" y="169262"/>
                    <a:pt x="-1483" y="119546"/>
                    <a:pt x="558" y="7093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1" name="Freeform 19">
              <a:extLst>
                <a:ext uri="{FF2B5EF4-FFF2-40B4-BE49-F238E27FC236}">
                  <a16:creationId xmlns:a16="http://schemas.microsoft.com/office/drawing/2014/main" id="{10700D61-F3FB-15D2-6EB2-CBB5088B3C0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686911" y="3607455"/>
              <a:ext cx="1189514" cy="1013397"/>
            </a:xfrm>
            <a:custGeom>
              <a:avLst/>
              <a:gdLst>
                <a:gd name="T0" fmla="*/ 254 w 337"/>
                <a:gd name="T1" fmla="*/ 221 h 288"/>
                <a:gd name="T2" fmla="*/ 0 w 337"/>
                <a:gd name="T3" fmla="*/ 258 h 288"/>
                <a:gd name="T4" fmla="*/ 126 w 337"/>
                <a:gd name="T5" fmla="*/ 50 h 288"/>
                <a:gd name="T6" fmla="*/ 310 w 337"/>
                <a:gd name="T7" fmla="*/ 16 h 288"/>
                <a:gd name="T8" fmla="*/ 331 w 337"/>
                <a:gd name="T9" fmla="*/ 41 h 288"/>
                <a:gd name="T10" fmla="*/ 254 w 337"/>
                <a:gd name="T11" fmla="*/ 221 h 2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7" h="288">
                  <a:moveTo>
                    <a:pt x="254" y="221"/>
                  </a:moveTo>
                  <a:cubicBezTo>
                    <a:pt x="197" y="267"/>
                    <a:pt x="105" y="288"/>
                    <a:pt x="0" y="258"/>
                  </a:cubicBezTo>
                  <a:cubicBezTo>
                    <a:pt x="64" y="173"/>
                    <a:pt x="59" y="104"/>
                    <a:pt x="126" y="50"/>
                  </a:cubicBezTo>
                  <a:cubicBezTo>
                    <a:pt x="181" y="6"/>
                    <a:pt x="246" y="0"/>
                    <a:pt x="310" y="16"/>
                  </a:cubicBezTo>
                  <a:cubicBezTo>
                    <a:pt x="321" y="19"/>
                    <a:pt x="330" y="30"/>
                    <a:pt x="331" y="41"/>
                  </a:cubicBezTo>
                  <a:cubicBezTo>
                    <a:pt x="337" y="100"/>
                    <a:pt x="311" y="176"/>
                    <a:pt x="254" y="22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F7DF9D59-6400-A709-F3BF-6AFF6089086C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74412" y="1300607"/>
              <a:ext cx="517588" cy="1683010"/>
            </a:xfrm>
            <a:custGeom>
              <a:avLst/>
              <a:gdLst>
                <a:gd name="connsiteX0" fmla="*/ 410053 w 517588"/>
                <a:gd name="connsiteY0" fmla="*/ 0 h 1683010"/>
                <a:gd name="connsiteX1" fmla="*/ 517588 w 517588"/>
                <a:gd name="connsiteY1" fmla="*/ 236418 h 1683010"/>
                <a:gd name="connsiteX2" fmla="*/ 517588 w 517588"/>
                <a:gd name="connsiteY2" fmla="*/ 1666571 h 1683010"/>
                <a:gd name="connsiteX3" fmla="*/ 488597 w 517588"/>
                <a:gd name="connsiteY3" fmla="*/ 1681308 h 1683010"/>
                <a:gd name="connsiteX4" fmla="*/ 434763 w 517588"/>
                <a:gd name="connsiteY4" fmla="*/ 1674258 h 1683010"/>
                <a:gd name="connsiteX5" fmla="*/ 7626 w 517588"/>
                <a:gd name="connsiteY5" fmla="*/ 1057426 h 1683010"/>
                <a:gd name="connsiteX6" fmla="*/ 410053 w 517588"/>
                <a:gd name="connsiteY6" fmla="*/ 0 h 16830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7588" h="1683010">
                  <a:moveTo>
                    <a:pt x="410053" y="0"/>
                  </a:moveTo>
                  <a:lnTo>
                    <a:pt x="517588" y="236418"/>
                  </a:lnTo>
                  <a:lnTo>
                    <a:pt x="517588" y="1666571"/>
                  </a:lnTo>
                  <a:lnTo>
                    <a:pt x="488597" y="1681308"/>
                  </a:lnTo>
                  <a:cubicBezTo>
                    <a:pt x="470946" y="1684833"/>
                    <a:pt x="452414" y="1683070"/>
                    <a:pt x="434763" y="1674258"/>
                  </a:cubicBezTo>
                  <a:cubicBezTo>
                    <a:pt x="215899" y="1586140"/>
                    <a:pt x="46456" y="1342932"/>
                    <a:pt x="7626" y="1057426"/>
                  </a:cubicBezTo>
                  <a:cubicBezTo>
                    <a:pt x="-34735" y="775446"/>
                    <a:pt x="99407" y="296080"/>
                    <a:pt x="410053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0452F7D4-5702-5939-561B-74075C1FA01D}"/>
                </a:ext>
              </a:extLst>
            </p:cNvPr>
            <p:cNvSpPr>
              <a:spLocks/>
            </p:cNvSpPr>
            <p:nvPr/>
          </p:nvSpPr>
          <p:spPr bwMode="auto">
            <a:xfrm>
              <a:off x="9755429" y="6304270"/>
              <a:ext cx="578941" cy="553729"/>
            </a:xfrm>
            <a:custGeom>
              <a:avLst/>
              <a:gdLst>
                <a:gd name="connsiteX0" fmla="*/ 512809 w 578941"/>
                <a:gd name="connsiteY0" fmla="*/ 449 h 553729"/>
                <a:gd name="connsiteX1" fmla="*/ 569069 w 578941"/>
                <a:gd name="connsiteY1" fmla="*/ 42849 h 553729"/>
                <a:gd name="connsiteX2" fmla="*/ 502260 w 578941"/>
                <a:gd name="connsiteY2" fmla="*/ 449184 h 553729"/>
                <a:gd name="connsiteX3" fmla="*/ 415528 w 578941"/>
                <a:gd name="connsiteY3" fmla="*/ 553729 h 553729"/>
                <a:gd name="connsiteX4" fmla="*/ 0 w 578941"/>
                <a:gd name="connsiteY4" fmla="*/ 553729 h 553729"/>
                <a:gd name="connsiteX5" fmla="*/ 20539 w 578941"/>
                <a:gd name="connsiteY5" fmla="*/ 441234 h 553729"/>
                <a:gd name="connsiteX6" fmla="*/ 140090 w 578941"/>
                <a:gd name="connsiteY6" fmla="*/ 180649 h 553729"/>
                <a:gd name="connsiteX7" fmla="*/ 512809 w 578941"/>
                <a:gd name="connsiteY7" fmla="*/ 449 h 55372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78941" h="553729">
                  <a:moveTo>
                    <a:pt x="512809" y="449"/>
                  </a:moveTo>
                  <a:cubicBezTo>
                    <a:pt x="540939" y="-3085"/>
                    <a:pt x="565552" y="14582"/>
                    <a:pt x="569069" y="42849"/>
                  </a:cubicBezTo>
                  <a:cubicBezTo>
                    <a:pt x="593682" y="208916"/>
                    <a:pt x="572585" y="332583"/>
                    <a:pt x="502260" y="449184"/>
                  </a:cubicBezTo>
                  <a:lnTo>
                    <a:pt x="415528" y="553729"/>
                  </a:lnTo>
                  <a:lnTo>
                    <a:pt x="0" y="553729"/>
                  </a:lnTo>
                  <a:lnTo>
                    <a:pt x="20539" y="441234"/>
                  </a:lnTo>
                  <a:cubicBezTo>
                    <a:pt x="41636" y="345833"/>
                    <a:pt x="73282" y="256616"/>
                    <a:pt x="140090" y="180649"/>
                  </a:cubicBezTo>
                  <a:cubicBezTo>
                    <a:pt x="245576" y="56982"/>
                    <a:pt x="368644" y="11049"/>
                    <a:pt x="5128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4" name="Freeform 22">
              <a:extLst>
                <a:ext uri="{FF2B5EF4-FFF2-40B4-BE49-F238E27FC236}">
                  <a16:creationId xmlns:a16="http://schemas.microsoft.com/office/drawing/2014/main" id="{74646E50-FBF3-0088-2175-0B4AA8AD7891}"/>
                </a:ext>
              </a:extLst>
            </p:cNvPr>
            <p:cNvSpPr>
              <a:spLocks/>
            </p:cNvSpPr>
            <p:nvPr/>
          </p:nvSpPr>
          <p:spPr bwMode="auto">
            <a:xfrm>
              <a:off x="7886355" y="3408241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4554A76D-DF4B-FB5D-43F3-1DCDEE53156F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06788" y="56196"/>
              <a:ext cx="285212" cy="1094774"/>
            </a:xfrm>
            <a:custGeom>
              <a:avLst/>
              <a:gdLst>
                <a:gd name="connsiteX0" fmla="*/ 285212 w 285212"/>
                <a:gd name="connsiteY0" fmla="*/ 0 h 1094774"/>
                <a:gd name="connsiteX1" fmla="*/ 285212 w 285212"/>
                <a:gd name="connsiteY1" fmla="*/ 1094774 h 1094774"/>
                <a:gd name="connsiteX2" fmla="*/ 262203 w 285212"/>
                <a:gd name="connsiteY2" fmla="*/ 1093008 h 1094774"/>
                <a:gd name="connsiteX3" fmla="*/ 1075 w 285212"/>
                <a:gd name="connsiteY3" fmla="*/ 631602 h 1094774"/>
                <a:gd name="connsiteX4" fmla="*/ 232319 w 285212"/>
                <a:gd name="connsiteY4" fmla="*/ 64476 h 109477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85212" h="1094774">
                  <a:moveTo>
                    <a:pt x="285212" y="0"/>
                  </a:moveTo>
                  <a:lnTo>
                    <a:pt x="285212" y="1094774"/>
                  </a:lnTo>
                  <a:lnTo>
                    <a:pt x="262203" y="1093008"/>
                  </a:lnTo>
                  <a:cubicBezTo>
                    <a:pt x="113995" y="1011998"/>
                    <a:pt x="-13040" y="839411"/>
                    <a:pt x="1075" y="631602"/>
                  </a:cubicBezTo>
                  <a:cubicBezTo>
                    <a:pt x="11661" y="483671"/>
                    <a:pt x="95690" y="250547"/>
                    <a:pt x="232319" y="6447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6" name="Freeform 24">
              <a:extLst>
                <a:ext uri="{FF2B5EF4-FFF2-40B4-BE49-F238E27FC236}">
                  <a16:creationId xmlns:a16="http://schemas.microsoft.com/office/drawing/2014/main" id="{E04086D5-8E23-8730-4AD4-71611668335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02663" y="633670"/>
              <a:ext cx="629403" cy="1022058"/>
            </a:xfrm>
            <a:custGeom>
              <a:avLst/>
              <a:gdLst>
                <a:gd name="T0" fmla="*/ 19 w 178"/>
                <a:gd name="T1" fmla="*/ 197 h 290"/>
                <a:gd name="T2" fmla="*/ 73 w 178"/>
                <a:gd name="T3" fmla="*/ 0 h 290"/>
                <a:gd name="T4" fmla="*/ 159 w 178"/>
                <a:gd name="T5" fmla="*/ 146 h 290"/>
                <a:gd name="T6" fmla="*/ 143 w 178"/>
                <a:gd name="T7" fmla="*/ 284 h 290"/>
                <a:gd name="T8" fmla="*/ 131 w 178"/>
                <a:gd name="T9" fmla="*/ 289 h 290"/>
                <a:gd name="T10" fmla="*/ 19 w 178"/>
                <a:gd name="T11" fmla="*/ 197 h 29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8" h="290">
                  <a:moveTo>
                    <a:pt x="19" y="197"/>
                  </a:moveTo>
                  <a:cubicBezTo>
                    <a:pt x="0" y="132"/>
                    <a:pt x="14" y="70"/>
                    <a:pt x="73" y="0"/>
                  </a:cubicBezTo>
                  <a:cubicBezTo>
                    <a:pt x="104" y="62"/>
                    <a:pt x="138" y="93"/>
                    <a:pt x="159" y="146"/>
                  </a:cubicBezTo>
                  <a:cubicBezTo>
                    <a:pt x="178" y="194"/>
                    <a:pt x="167" y="245"/>
                    <a:pt x="143" y="284"/>
                  </a:cubicBezTo>
                  <a:cubicBezTo>
                    <a:pt x="141" y="288"/>
                    <a:pt x="136" y="290"/>
                    <a:pt x="131" y="289"/>
                  </a:cubicBezTo>
                  <a:cubicBezTo>
                    <a:pt x="74" y="275"/>
                    <a:pt x="29" y="232"/>
                    <a:pt x="19" y="19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7" name="Freeform 25">
              <a:extLst>
                <a:ext uri="{FF2B5EF4-FFF2-40B4-BE49-F238E27FC236}">
                  <a16:creationId xmlns:a16="http://schemas.microsoft.com/office/drawing/2014/main" id="{EEF01020-57F2-5D4D-8807-7E2676641E52}"/>
                </a:ext>
              </a:extLst>
            </p:cNvPr>
            <p:cNvSpPr>
              <a:spLocks/>
            </p:cNvSpPr>
            <p:nvPr/>
          </p:nvSpPr>
          <p:spPr bwMode="auto">
            <a:xfrm>
              <a:off x="9070095" y="1687487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8" name="Freeform 26">
              <a:extLst>
                <a:ext uri="{FF2B5EF4-FFF2-40B4-BE49-F238E27FC236}">
                  <a16:creationId xmlns:a16="http://schemas.microsoft.com/office/drawing/2014/main" id="{DC75AC61-26F9-0C1F-AB96-2139DE6220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460902" y="977244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29" name="Freeform 27">
              <a:extLst>
                <a:ext uri="{FF2B5EF4-FFF2-40B4-BE49-F238E27FC236}">
                  <a16:creationId xmlns:a16="http://schemas.microsoft.com/office/drawing/2014/main" id="{C4B91423-2AA4-D359-33FB-CFA2174E5E0D}"/>
                </a:ext>
              </a:extLst>
            </p:cNvPr>
            <p:cNvSpPr>
              <a:spLocks/>
            </p:cNvSpPr>
            <p:nvPr/>
          </p:nvSpPr>
          <p:spPr bwMode="auto">
            <a:xfrm>
              <a:off x="9621545" y="1182233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11098F3A-017A-24C7-434C-B87142EBE9A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85653" y="0"/>
              <a:ext cx="440759" cy="530420"/>
            </a:xfrm>
            <a:custGeom>
              <a:avLst/>
              <a:gdLst>
                <a:gd name="connsiteX0" fmla="*/ 46019 w 440759"/>
                <a:gd name="connsiteY0" fmla="*/ 0 h 530420"/>
                <a:gd name="connsiteX1" fmla="*/ 389756 w 440759"/>
                <a:gd name="connsiteY1" fmla="*/ 0 h 530420"/>
                <a:gd name="connsiteX2" fmla="*/ 426016 w 440759"/>
                <a:gd name="connsiteY2" fmla="*/ 88693 h 530420"/>
                <a:gd name="connsiteX3" fmla="*/ 440406 w 440759"/>
                <a:gd name="connsiteY3" fmla="*/ 230109 h 530420"/>
                <a:gd name="connsiteX4" fmla="*/ 292198 w 440759"/>
                <a:gd name="connsiteY4" fmla="*/ 518549 h 530420"/>
                <a:gd name="connsiteX5" fmla="*/ 246325 w 440759"/>
                <a:gd name="connsiteY5" fmla="*/ 529101 h 530420"/>
                <a:gd name="connsiteX6" fmla="*/ 6369 w 440759"/>
                <a:gd name="connsiteY6" fmla="*/ 282873 h 530420"/>
                <a:gd name="connsiteX7" fmla="*/ 43421 w 440759"/>
                <a:gd name="connsiteY7" fmla="*/ 6305 h 5304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440759" h="530420">
                  <a:moveTo>
                    <a:pt x="46019" y="0"/>
                  </a:moveTo>
                  <a:lnTo>
                    <a:pt x="389756" y="0"/>
                  </a:lnTo>
                  <a:lnTo>
                    <a:pt x="426016" y="88693"/>
                  </a:lnTo>
                  <a:cubicBezTo>
                    <a:pt x="437319" y="133816"/>
                    <a:pt x="442171" y="180864"/>
                    <a:pt x="440406" y="230109"/>
                  </a:cubicBezTo>
                  <a:cubicBezTo>
                    <a:pt x="433349" y="353224"/>
                    <a:pt x="359245" y="451715"/>
                    <a:pt x="292198" y="518549"/>
                  </a:cubicBezTo>
                  <a:cubicBezTo>
                    <a:pt x="281612" y="529101"/>
                    <a:pt x="263968" y="532619"/>
                    <a:pt x="246325" y="529101"/>
                  </a:cubicBezTo>
                  <a:cubicBezTo>
                    <a:pt x="119289" y="490408"/>
                    <a:pt x="27541" y="398952"/>
                    <a:pt x="6369" y="282873"/>
                  </a:cubicBezTo>
                  <a:cubicBezTo>
                    <a:pt x="-11275" y="186140"/>
                    <a:pt x="9898" y="96442"/>
                    <a:pt x="43421" y="630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31" name="Freeform 29">
              <a:extLst>
                <a:ext uri="{FF2B5EF4-FFF2-40B4-BE49-F238E27FC236}">
                  <a16:creationId xmlns:a16="http://schemas.microsoft.com/office/drawing/2014/main" id="{DA2C6237-47EE-C21F-2896-F3871EA83AFC}"/>
                </a:ext>
              </a:extLst>
            </p:cNvPr>
            <p:cNvSpPr>
              <a:spLocks/>
            </p:cNvSpPr>
            <p:nvPr/>
          </p:nvSpPr>
          <p:spPr bwMode="auto">
            <a:xfrm>
              <a:off x="8149088" y="70672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D8019C3F-0941-AC2A-C521-3F17F530F76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40609" y="6174150"/>
              <a:ext cx="632536" cy="683850"/>
            </a:xfrm>
            <a:custGeom>
              <a:avLst/>
              <a:gdLst>
                <a:gd name="connsiteX0" fmla="*/ 540680 w 632536"/>
                <a:gd name="connsiteY0" fmla="*/ 0 h 683850"/>
                <a:gd name="connsiteX1" fmla="*/ 586595 w 632536"/>
                <a:gd name="connsiteY1" fmla="*/ 31781 h 683850"/>
                <a:gd name="connsiteX2" fmla="*/ 551276 w 632536"/>
                <a:gd name="connsiteY2" fmla="*/ 572046 h 683850"/>
                <a:gd name="connsiteX3" fmla="*/ 459438 w 632536"/>
                <a:gd name="connsiteY3" fmla="*/ 683850 h 683850"/>
                <a:gd name="connsiteX4" fmla="*/ 0 w 632536"/>
                <a:gd name="connsiteY4" fmla="*/ 683850 h 683850"/>
                <a:gd name="connsiteX5" fmla="*/ 10898 w 632536"/>
                <a:gd name="connsiteY5" fmla="*/ 616627 h 683850"/>
                <a:gd name="connsiteX6" fmla="*/ 123919 w 632536"/>
                <a:gd name="connsiteY6" fmla="*/ 275430 h 683850"/>
                <a:gd name="connsiteX7" fmla="*/ 540680 w 632536"/>
                <a:gd name="connsiteY7" fmla="*/ 0 h 6838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632536" h="683850">
                  <a:moveTo>
                    <a:pt x="540680" y="0"/>
                  </a:moveTo>
                  <a:cubicBezTo>
                    <a:pt x="561872" y="0"/>
                    <a:pt x="579531" y="10594"/>
                    <a:pt x="586595" y="31781"/>
                  </a:cubicBezTo>
                  <a:cubicBezTo>
                    <a:pt x="639573" y="183620"/>
                    <a:pt x="667828" y="384895"/>
                    <a:pt x="551276" y="572046"/>
                  </a:cubicBezTo>
                  <a:lnTo>
                    <a:pt x="459438" y="683850"/>
                  </a:lnTo>
                  <a:lnTo>
                    <a:pt x="0" y="683850"/>
                  </a:lnTo>
                  <a:lnTo>
                    <a:pt x="10898" y="616627"/>
                  </a:lnTo>
                  <a:cubicBezTo>
                    <a:pt x="29441" y="504955"/>
                    <a:pt x="55047" y="391958"/>
                    <a:pt x="123919" y="275430"/>
                  </a:cubicBezTo>
                  <a:cubicBezTo>
                    <a:pt x="201620" y="141246"/>
                    <a:pt x="381746" y="3531"/>
                    <a:pt x="540680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75BCDA8E-0903-DF65-3E80-740D60E51F4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222231" y="5928478"/>
              <a:ext cx="494605" cy="929522"/>
            </a:xfrm>
            <a:custGeom>
              <a:avLst/>
              <a:gdLst>
                <a:gd name="connsiteX0" fmla="*/ 339565 w 494605"/>
                <a:gd name="connsiteY0" fmla="*/ 898 h 929522"/>
                <a:gd name="connsiteX1" fmla="*/ 388684 w 494605"/>
                <a:gd name="connsiteY1" fmla="*/ 18509 h 929522"/>
                <a:gd name="connsiteX2" fmla="*/ 476395 w 494605"/>
                <a:gd name="connsiteY2" fmla="*/ 532772 h 929522"/>
                <a:gd name="connsiteX3" fmla="*/ 294339 w 494605"/>
                <a:gd name="connsiteY3" fmla="*/ 908727 h 929522"/>
                <a:gd name="connsiteX4" fmla="*/ 277903 w 494605"/>
                <a:gd name="connsiteY4" fmla="*/ 929522 h 929522"/>
                <a:gd name="connsiteX5" fmla="*/ 100284 w 494605"/>
                <a:gd name="connsiteY5" fmla="*/ 929522 h 929522"/>
                <a:gd name="connsiteX6" fmla="*/ 80487 w 494605"/>
                <a:gd name="connsiteY6" fmla="*/ 890400 h 929522"/>
                <a:gd name="connsiteX7" fmla="*/ 20295 w 494605"/>
                <a:gd name="connsiteY7" fmla="*/ 342565 h 929522"/>
                <a:gd name="connsiteX8" fmla="*/ 339565 w 494605"/>
                <a:gd name="connsiteY8" fmla="*/ 898 h 9295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94605" h="929522">
                  <a:moveTo>
                    <a:pt x="339565" y="898"/>
                  </a:moveTo>
                  <a:cubicBezTo>
                    <a:pt x="357108" y="-2625"/>
                    <a:pt x="374650" y="4420"/>
                    <a:pt x="388684" y="18509"/>
                  </a:cubicBezTo>
                  <a:cubicBezTo>
                    <a:pt x="486921" y="138269"/>
                    <a:pt x="518497" y="349610"/>
                    <a:pt x="476395" y="532772"/>
                  </a:cubicBezTo>
                  <a:cubicBezTo>
                    <a:pt x="444819" y="667502"/>
                    <a:pt x="395481" y="774493"/>
                    <a:pt x="294339" y="908727"/>
                  </a:cubicBezTo>
                  <a:lnTo>
                    <a:pt x="277903" y="929522"/>
                  </a:lnTo>
                  <a:lnTo>
                    <a:pt x="100284" y="929522"/>
                  </a:lnTo>
                  <a:lnTo>
                    <a:pt x="80487" y="890400"/>
                  </a:lnTo>
                  <a:cubicBezTo>
                    <a:pt x="3191" y="715714"/>
                    <a:pt x="-21806" y="514280"/>
                    <a:pt x="20295" y="342565"/>
                  </a:cubicBezTo>
                  <a:cubicBezTo>
                    <a:pt x="62397" y="169970"/>
                    <a:pt x="192210" y="36121"/>
                    <a:pt x="339565" y="89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40" name="Freeform 36">
              <a:extLst>
                <a:ext uri="{FF2B5EF4-FFF2-40B4-BE49-F238E27FC236}">
                  <a16:creationId xmlns:a16="http://schemas.microsoft.com/office/drawing/2014/main" id="{2864DB57-8E53-0EF6-65A4-4D1A51A9D9D6}"/>
                </a:ext>
              </a:extLst>
            </p:cNvPr>
            <p:cNvSpPr>
              <a:spLocks/>
            </p:cNvSpPr>
            <p:nvPr/>
          </p:nvSpPr>
          <p:spPr bwMode="auto">
            <a:xfrm>
              <a:off x="7453280" y="4115597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1" name="Freeform 37">
              <a:extLst>
                <a:ext uri="{FF2B5EF4-FFF2-40B4-BE49-F238E27FC236}">
                  <a16:creationId xmlns:a16="http://schemas.microsoft.com/office/drawing/2014/main" id="{A60E9F92-453F-8D55-39C2-4F5FD06A77B3}"/>
                </a:ext>
              </a:extLst>
            </p:cNvPr>
            <p:cNvSpPr>
              <a:spLocks/>
            </p:cNvSpPr>
            <p:nvPr/>
          </p:nvSpPr>
          <p:spPr bwMode="auto">
            <a:xfrm>
              <a:off x="9393458" y="5042379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42" name="Freeform 38">
              <a:extLst>
                <a:ext uri="{FF2B5EF4-FFF2-40B4-BE49-F238E27FC236}">
                  <a16:creationId xmlns:a16="http://schemas.microsoft.com/office/drawing/2014/main" id="{51E9B685-285E-CA9E-CB22-C52A8E731CDD}"/>
                </a:ext>
              </a:extLst>
            </p:cNvPr>
            <p:cNvSpPr>
              <a:spLocks/>
            </p:cNvSpPr>
            <p:nvPr/>
          </p:nvSpPr>
          <p:spPr bwMode="auto">
            <a:xfrm>
              <a:off x="7739110" y="1456514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59216B6D-19C2-3996-68DD-25E14281D1C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198315" y="0"/>
              <a:ext cx="380203" cy="79581"/>
            </a:xfrm>
            <a:custGeom>
              <a:avLst/>
              <a:gdLst>
                <a:gd name="connsiteX0" fmla="*/ 0 w 380203"/>
                <a:gd name="connsiteY0" fmla="*/ 0 h 79581"/>
                <a:gd name="connsiteX1" fmla="*/ 380203 w 380203"/>
                <a:gd name="connsiteY1" fmla="*/ 0 h 79581"/>
                <a:gd name="connsiteX2" fmla="*/ 350066 w 380203"/>
                <a:gd name="connsiteY2" fmla="*/ 57590 h 79581"/>
                <a:gd name="connsiteX3" fmla="*/ 293630 w 380203"/>
                <a:gd name="connsiteY3" fmla="*/ 78702 h 79581"/>
                <a:gd name="connsiteX4" fmla="*/ 7923 w 380203"/>
                <a:gd name="connsiteY4" fmla="*/ 4369 h 7958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80203" h="79581">
                  <a:moveTo>
                    <a:pt x="0" y="0"/>
                  </a:moveTo>
                  <a:lnTo>
                    <a:pt x="380203" y="0"/>
                  </a:lnTo>
                  <a:lnTo>
                    <a:pt x="350066" y="57590"/>
                  </a:lnTo>
                  <a:cubicBezTo>
                    <a:pt x="335957" y="75184"/>
                    <a:pt x="314793" y="82221"/>
                    <a:pt x="293630" y="78702"/>
                  </a:cubicBezTo>
                  <a:cubicBezTo>
                    <a:pt x="189576" y="59349"/>
                    <a:pt x="91695" y="42635"/>
                    <a:pt x="7923" y="436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A35B4067-8BDC-DFCC-3C98-F8261D6530C6}"/>
                </a:ext>
              </a:extLst>
            </p:cNvPr>
            <p:cNvSpPr>
              <a:spLocks/>
            </p:cNvSpPr>
            <p:nvPr/>
          </p:nvSpPr>
          <p:spPr bwMode="auto">
            <a:xfrm>
              <a:off x="9140703" y="6476385"/>
              <a:ext cx="477647" cy="381615"/>
            </a:xfrm>
            <a:custGeom>
              <a:avLst/>
              <a:gdLst>
                <a:gd name="connsiteX0" fmla="*/ 361307 w 477647"/>
                <a:gd name="connsiteY0" fmla="*/ 606 h 381615"/>
                <a:gd name="connsiteX1" fmla="*/ 440688 w 477647"/>
                <a:gd name="connsiteY1" fmla="*/ 2803 h 381615"/>
                <a:gd name="connsiteX2" fmla="*/ 472485 w 477647"/>
                <a:gd name="connsiteY2" fmla="*/ 34444 h 381615"/>
                <a:gd name="connsiteX3" fmla="*/ 387693 w 477647"/>
                <a:gd name="connsiteY3" fmla="*/ 326245 h 381615"/>
                <a:gd name="connsiteX4" fmla="*/ 303279 w 477647"/>
                <a:gd name="connsiteY4" fmla="*/ 381615 h 381615"/>
                <a:gd name="connsiteX5" fmla="*/ 0 w 477647"/>
                <a:gd name="connsiteY5" fmla="*/ 381615 h 381615"/>
                <a:gd name="connsiteX6" fmla="*/ 1108 w 477647"/>
                <a:gd name="connsiteY6" fmla="*/ 378815 h 381615"/>
                <a:gd name="connsiteX7" fmla="*/ 161582 w 477647"/>
                <a:gd name="connsiteY7" fmla="*/ 83664 h 381615"/>
                <a:gd name="connsiteX8" fmla="*/ 361307 w 477647"/>
                <a:gd name="connsiteY8" fmla="*/ 606 h 3816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77647" h="381615">
                  <a:moveTo>
                    <a:pt x="361307" y="606"/>
                  </a:moveTo>
                  <a:cubicBezTo>
                    <a:pt x="386810" y="-712"/>
                    <a:pt x="413308" y="167"/>
                    <a:pt x="440688" y="2803"/>
                  </a:cubicBezTo>
                  <a:cubicBezTo>
                    <a:pt x="458353" y="2803"/>
                    <a:pt x="472485" y="16866"/>
                    <a:pt x="472485" y="34444"/>
                  </a:cubicBezTo>
                  <a:cubicBezTo>
                    <a:pt x="483084" y="129367"/>
                    <a:pt x="486617" y="241869"/>
                    <a:pt x="387693" y="326245"/>
                  </a:cubicBezTo>
                  <a:lnTo>
                    <a:pt x="303279" y="381615"/>
                  </a:lnTo>
                  <a:lnTo>
                    <a:pt x="0" y="381615"/>
                  </a:lnTo>
                  <a:lnTo>
                    <a:pt x="1108" y="378815"/>
                  </a:lnTo>
                  <a:cubicBezTo>
                    <a:pt x="49631" y="255712"/>
                    <a:pt x="92689" y="154856"/>
                    <a:pt x="161582" y="83664"/>
                  </a:cubicBezTo>
                  <a:cubicBezTo>
                    <a:pt x="217227" y="28292"/>
                    <a:pt x="284795" y="4561"/>
                    <a:pt x="361307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50" name="Freeform 44">
              <a:extLst>
                <a:ext uri="{FF2B5EF4-FFF2-40B4-BE49-F238E27FC236}">
                  <a16:creationId xmlns:a16="http://schemas.microsoft.com/office/drawing/2014/main" id="{FE054E00-5781-115B-1CF1-09A970AB0C0C}"/>
                </a:ext>
              </a:extLst>
            </p:cNvPr>
            <p:cNvSpPr>
              <a:spLocks/>
            </p:cNvSpPr>
            <p:nvPr/>
          </p:nvSpPr>
          <p:spPr bwMode="auto">
            <a:xfrm>
              <a:off x="7057737" y="2683561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1" name="Freeform 45">
              <a:extLst>
                <a:ext uri="{FF2B5EF4-FFF2-40B4-BE49-F238E27FC236}">
                  <a16:creationId xmlns:a16="http://schemas.microsoft.com/office/drawing/2014/main" id="{BF8C8EB0-8786-911A-69BD-2B2934A86B83}"/>
                </a:ext>
              </a:extLst>
            </p:cNvPr>
            <p:cNvSpPr>
              <a:spLocks/>
            </p:cNvSpPr>
            <p:nvPr/>
          </p:nvSpPr>
          <p:spPr bwMode="auto">
            <a:xfrm>
              <a:off x="7395536" y="4955764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2" name="Freeform 46">
              <a:extLst>
                <a:ext uri="{FF2B5EF4-FFF2-40B4-BE49-F238E27FC236}">
                  <a16:creationId xmlns:a16="http://schemas.microsoft.com/office/drawing/2014/main" id="{7CA4FCD4-19E9-F404-DB0E-E71340713BBD}"/>
                </a:ext>
              </a:extLst>
            </p:cNvPr>
            <p:cNvSpPr>
              <a:spLocks/>
            </p:cNvSpPr>
            <p:nvPr/>
          </p:nvSpPr>
          <p:spPr bwMode="auto">
            <a:xfrm>
              <a:off x="7219419" y="2062820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3" name="Freeform 47">
              <a:extLst>
                <a:ext uri="{FF2B5EF4-FFF2-40B4-BE49-F238E27FC236}">
                  <a16:creationId xmlns:a16="http://schemas.microsoft.com/office/drawing/2014/main" id="{8D4AE83F-5F78-CCCC-565B-4BDEF4BEA9E8}"/>
                </a:ext>
              </a:extLst>
            </p:cNvPr>
            <p:cNvSpPr>
              <a:spLocks/>
            </p:cNvSpPr>
            <p:nvPr/>
          </p:nvSpPr>
          <p:spPr bwMode="auto">
            <a:xfrm>
              <a:off x="9191356" y="258338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55" name="Freeform 49">
              <a:extLst>
                <a:ext uri="{FF2B5EF4-FFF2-40B4-BE49-F238E27FC236}">
                  <a16:creationId xmlns:a16="http://schemas.microsoft.com/office/drawing/2014/main" id="{835A1DD0-DB46-3945-82CF-5105EF8C27DB}"/>
                </a:ext>
              </a:extLst>
            </p:cNvPr>
            <p:cNvSpPr>
              <a:spLocks/>
            </p:cNvSpPr>
            <p:nvPr/>
          </p:nvSpPr>
          <p:spPr bwMode="auto">
            <a:xfrm>
              <a:off x="7796853" y="2596946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A31EE870-5954-8DA9-57FB-A144BB767E45}"/>
                </a:ext>
              </a:extLst>
            </p:cNvPr>
            <p:cNvSpPr>
              <a:spLocks/>
            </p:cNvSpPr>
            <p:nvPr/>
          </p:nvSpPr>
          <p:spPr bwMode="auto">
            <a:xfrm>
              <a:off x="9411698" y="0"/>
              <a:ext cx="490556" cy="255065"/>
            </a:xfrm>
            <a:custGeom>
              <a:avLst/>
              <a:gdLst>
                <a:gd name="connsiteX0" fmla="*/ 0 w 490556"/>
                <a:gd name="connsiteY0" fmla="*/ 0 h 255065"/>
                <a:gd name="connsiteX1" fmla="*/ 462198 w 490556"/>
                <a:gd name="connsiteY1" fmla="*/ 0 h 255065"/>
                <a:gd name="connsiteX2" fmla="*/ 482076 w 490556"/>
                <a:gd name="connsiteY2" fmla="*/ 44519 h 255065"/>
                <a:gd name="connsiteX3" fmla="*/ 483837 w 490556"/>
                <a:gd name="connsiteY3" fmla="*/ 219414 h 255065"/>
                <a:gd name="connsiteX4" fmla="*/ 452133 w 490556"/>
                <a:gd name="connsiteY4" fmla="*/ 251053 h 255065"/>
                <a:gd name="connsiteX5" fmla="*/ 25885 w 490556"/>
                <a:gd name="connsiteY5" fmla="*/ 54187 h 255065"/>
                <a:gd name="connsiteX6" fmla="*/ 1054 w 490556"/>
                <a:gd name="connsiteY6" fmla="*/ 3116 h 2550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0556" h="255065">
                  <a:moveTo>
                    <a:pt x="0" y="0"/>
                  </a:moveTo>
                  <a:lnTo>
                    <a:pt x="462198" y="0"/>
                  </a:lnTo>
                  <a:lnTo>
                    <a:pt x="482076" y="44519"/>
                  </a:lnTo>
                  <a:cubicBezTo>
                    <a:pt x="493525" y="102524"/>
                    <a:pt x="492644" y="161408"/>
                    <a:pt x="483837" y="219414"/>
                  </a:cubicBezTo>
                  <a:cubicBezTo>
                    <a:pt x="483837" y="236991"/>
                    <a:pt x="469747" y="247537"/>
                    <a:pt x="452133" y="251053"/>
                  </a:cubicBezTo>
                  <a:cubicBezTo>
                    <a:pt x="286566" y="275661"/>
                    <a:pt x="103385" y="184259"/>
                    <a:pt x="25885" y="54187"/>
                  </a:cubicBezTo>
                  <a:cubicBezTo>
                    <a:pt x="16638" y="38367"/>
                    <a:pt x="8382" y="21229"/>
                    <a:pt x="1054" y="311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FC8AB1CF-D8B6-D0B3-0856-B8A0F688F696}"/>
                </a:ext>
              </a:extLst>
            </p:cNvPr>
            <p:cNvSpPr>
              <a:spLocks/>
            </p:cNvSpPr>
            <p:nvPr/>
          </p:nvSpPr>
          <p:spPr bwMode="auto">
            <a:xfrm>
              <a:off x="8498012" y="6604048"/>
              <a:ext cx="484591" cy="253953"/>
            </a:xfrm>
            <a:custGeom>
              <a:avLst/>
              <a:gdLst>
                <a:gd name="connsiteX0" fmla="*/ 301011 w 484591"/>
                <a:gd name="connsiteY0" fmla="*/ 1718 h 253953"/>
                <a:gd name="connsiteX1" fmla="*/ 456276 w 484591"/>
                <a:gd name="connsiteY1" fmla="*/ 21106 h 253953"/>
                <a:gd name="connsiteX2" fmla="*/ 480978 w 484591"/>
                <a:gd name="connsiteY2" fmla="*/ 52831 h 253953"/>
                <a:gd name="connsiteX3" fmla="*/ 476898 w 484591"/>
                <a:gd name="connsiteY3" fmla="*/ 176427 h 253953"/>
                <a:gd name="connsiteX4" fmla="*/ 447187 w 484591"/>
                <a:gd name="connsiteY4" fmla="*/ 253953 h 253953"/>
                <a:gd name="connsiteX5" fmla="*/ 0 w 484591"/>
                <a:gd name="connsiteY5" fmla="*/ 253953 h 253953"/>
                <a:gd name="connsiteX6" fmla="*/ 27208 w 484591"/>
                <a:gd name="connsiteY6" fmla="*/ 201722 h 253953"/>
                <a:gd name="connsiteX7" fmla="*/ 145745 w 484591"/>
                <a:gd name="connsiteY7" fmla="*/ 56356 h 253953"/>
                <a:gd name="connsiteX8" fmla="*/ 301011 w 484591"/>
                <a:gd name="connsiteY8" fmla="*/ 1718 h 2539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84591" h="253953">
                  <a:moveTo>
                    <a:pt x="301011" y="1718"/>
                  </a:moveTo>
                  <a:cubicBezTo>
                    <a:pt x="352178" y="-3570"/>
                    <a:pt x="403345" y="3481"/>
                    <a:pt x="456276" y="21106"/>
                  </a:cubicBezTo>
                  <a:cubicBezTo>
                    <a:pt x="470391" y="28156"/>
                    <a:pt x="477449" y="38731"/>
                    <a:pt x="480978" y="52831"/>
                  </a:cubicBezTo>
                  <a:cubicBezTo>
                    <a:pt x="487153" y="96013"/>
                    <a:pt x="485168" y="137432"/>
                    <a:pt x="476898" y="176427"/>
                  </a:cubicBezTo>
                  <a:lnTo>
                    <a:pt x="447187" y="253953"/>
                  </a:lnTo>
                  <a:lnTo>
                    <a:pt x="0" y="253953"/>
                  </a:lnTo>
                  <a:lnTo>
                    <a:pt x="27208" y="201722"/>
                  </a:lnTo>
                  <a:cubicBezTo>
                    <a:pt x="63867" y="136165"/>
                    <a:pt x="102077" y="84116"/>
                    <a:pt x="145745" y="56356"/>
                  </a:cubicBezTo>
                  <a:cubicBezTo>
                    <a:pt x="198677" y="24631"/>
                    <a:pt x="249844" y="7005"/>
                    <a:pt x="301011" y="171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8C7E4295-C5DF-7B8C-F623-092CCAACB838}"/>
                </a:ext>
              </a:extLst>
            </p:cNvPr>
            <p:cNvSpPr>
              <a:spLocks/>
            </p:cNvSpPr>
            <p:nvPr/>
          </p:nvSpPr>
          <p:spPr bwMode="auto">
            <a:xfrm>
              <a:off x="7278285" y="0"/>
              <a:ext cx="763729" cy="645716"/>
            </a:xfrm>
            <a:custGeom>
              <a:avLst/>
              <a:gdLst>
                <a:gd name="connsiteX0" fmla="*/ 0 w 763729"/>
                <a:gd name="connsiteY0" fmla="*/ 0 h 645716"/>
                <a:gd name="connsiteX1" fmla="*/ 185294 w 763729"/>
                <a:gd name="connsiteY1" fmla="*/ 0 h 645716"/>
                <a:gd name="connsiteX2" fmla="*/ 355055 w 763729"/>
                <a:gd name="connsiteY2" fmla="*/ 58725 h 645716"/>
                <a:gd name="connsiteX3" fmla="*/ 656721 w 763729"/>
                <a:gd name="connsiteY3" fmla="*/ 212533 h 645716"/>
                <a:gd name="connsiteX4" fmla="*/ 744799 w 763729"/>
                <a:gd name="connsiteY4" fmla="*/ 600357 h 645716"/>
                <a:gd name="connsiteX5" fmla="*/ 698998 w 763729"/>
                <a:gd name="connsiteY5" fmla="*/ 639140 h 645716"/>
                <a:gd name="connsiteX6" fmla="*/ 297364 w 763729"/>
                <a:gd name="connsiteY6" fmla="*/ 550998 h 645716"/>
                <a:gd name="connsiteX7" fmla="*/ 13974 w 763729"/>
                <a:gd name="connsiteY7" fmla="*/ 84451 h 64571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763729" h="645716">
                  <a:moveTo>
                    <a:pt x="0" y="0"/>
                  </a:moveTo>
                  <a:lnTo>
                    <a:pt x="185294" y="0"/>
                  </a:lnTo>
                  <a:lnTo>
                    <a:pt x="355055" y="58725"/>
                  </a:lnTo>
                  <a:cubicBezTo>
                    <a:pt x="479685" y="103237"/>
                    <a:pt x="593305" y="150833"/>
                    <a:pt x="656721" y="212533"/>
                  </a:cubicBezTo>
                  <a:cubicBezTo>
                    <a:pt x="758891" y="307726"/>
                    <a:pt x="787076" y="469907"/>
                    <a:pt x="744799" y="600357"/>
                  </a:cubicBezTo>
                  <a:cubicBezTo>
                    <a:pt x="737753" y="621511"/>
                    <a:pt x="720137" y="635614"/>
                    <a:pt x="698998" y="639140"/>
                  </a:cubicBezTo>
                  <a:cubicBezTo>
                    <a:pt x="582736" y="656768"/>
                    <a:pt x="417150" y="642665"/>
                    <a:pt x="297364" y="550998"/>
                  </a:cubicBezTo>
                  <a:cubicBezTo>
                    <a:pt x="125612" y="418785"/>
                    <a:pt x="50967" y="248891"/>
                    <a:pt x="13974" y="8445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8" name="Freeform 61">
              <a:extLst>
                <a:ext uri="{FF2B5EF4-FFF2-40B4-BE49-F238E27FC236}">
                  <a16:creationId xmlns:a16="http://schemas.microsoft.com/office/drawing/2014/main" id="{5D173788-730B-26E3-F522-0EF2C87C732C}"/>
                </a:ext>
              </a:extLst>
            </p:cNvPr>
            <p:cNvSpPr>
              <a:spLocks/>
            </p:cNvSpPr>
            <p:nvPr/>
          </p:nvSpPr>
          <p:spPr bwMode="auto">
            <a:xfrm>
              <a:off x="8521533" y="3875962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9" name="Freeform 62">
              <a:extLst>
                <a:ext uri="{FF2B5EF4-FFF2-40B4-BE49-F238E27FC236}">
                  <a16:creationId xmlns:a16="http://schemas.microsoft.com/office/drawing/2014/main" id="{2E91ED03-981B-F4C4-AC04-5F4B46CEE9A5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7761" y="2689335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0" name="Freeform 63">
              <a:extLst>
                <a:ext uri="{FF2B5EF4-FFF2-40B4-BE49-F238E27FC236}">
                  <a16:creationId xmlns:a16="http://schemas.microsoft.com/office/drawing/2014/main" id="{A8B0A40F-01EB-7132-7907-C38E509DC66E}"/>
                </a:ext>
              </a:extLst>
            </p:cNvPr>
            <p:cNvSpPr>
              <a:spLocks/>
            </p:cNvSpPr>
            <p:nvPr/>
          </p:nvSpPr>
          <p:spPr bwMode="auto">
            <a:xfrm>
              <a:off x="6558257" y="3174380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1" name="Freeform 64">
              <a:extLst>
                <a:ext uri="{FF2B5EF4-FFF2-40B4-BE49-F238E27FC236}">
                  <a16:creationId xmlns:a16="http://schemas.microsoft.com/office/drawing/2014/main" id="{8C8D3910-75DA-88C0-78C6-5234CA68A2D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937" y="1361237"/>
              <a:ext cx="958541" cy="1062479"/>
            </a:xfrm>
            <a:custGeom>
              <a:avLst/>
              <a:gdLst>
                <a:gd name="T0" fmla="*/ 63 w 272"/>
                <a:gd name="T1" fmla="*/ 231 h 302"/>
                <a:gd name="T2" fmla="*/ 5 w 272"/>
                <a:gd name="T3" fmla="*/ 0 h 302"/>
                <a:gd name="T4" fmla="*/ 212 w 272"/>
                <a:gd name="T5" fmla="*/ 122 h 302"/>
                <a:gd name="T6" fmla="*/ 262 w 272"/>
                <a:gd name="T7" fmla="*/ 285 h 302"/>
                <a:gd name="T8" fmla="*/ 242 w 272"/>
                <a:gd name="T9" fmla="*/ 302 h 302"/>
                <a:gd name="T10" fmla="*/ 63 w 272"/>
                <a:gd name="T11" fmla="*/ 231 h 3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2" h="302">
                  <a:moveTo>
                    <a:pt x="63" y="231"/>
                  </a:moveTo>
                  <a:cubicBezTo>
                    <a:pt x="14" y="176"/>
                    <a:pt x="0" y="101"/>
                    <a:pt x="5" y="0"/>
                  </a:cubicBezTo>
                  <a:cubicBezTo>
                    <a:pt x="79" y="68"/>
                    <a:pt x="155" y="66"/>
                    <a:pt x="212" y="122"/>
                  </a:cubicBezTo>
                  <a:cubicBezTo>
                    <a:pt x="251" y="160"/>
                    <a:pt x="272" y="224"/>
                    <a:pt x="262" y="285"/>
                  </a:cubicBezTo>
                  <a:cubicBezTo>
                    <a:pt x="260" y="294"/>
                    <a:pt x="252" y="302"/>
                    <a:pt x="242" y="302"/>
                  </a:cubicBezTo>
                  <a:cubicBezTo>
                    <a:pt x="179" y="302"/>
                    <a:pt x="113" y="288"/>
                    <a:pt x="63" y="23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2" name="Freeform 65">
              <a:extLst>
                <a:ext uri="{FF2B5EF4-FFF2-40B4-BE49-F238E27FC236}">
                  <a16:creationId xmlns:a16="http://schemas.microsoft.com/office/drawing/2014/main" id="{8F0ADBA5-BED2-B1DE-29C0-E235C4EF7BD3}"/>
                </a:ext>
              </a:extLst>
            </p:cNvPr>
            <p:cNvSpPr>
              <a:spLocks/>
            </p:cNvSpPr>
            <p:nvPr/>
          </p:nvSpPr>
          <p:spPr bwMode="auto">
            <a:xfrm>
              <a:off x="8290559" y="4886472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 66">
              <a:extLst>
                <a:ext uri="{FF2B5EF4-FFF2-40B4-BE49-F238E27FC236}">
                  <a16:creationId xmlns:a16="http://schemas.microsoft.com/office/drawing/2014/main" id="{923D81A2-8230-F303-D003-74DAB0C8E4D1}"/>
                </a:ext>
              </a:extLst>
            </p:cNvPr>
            <p:cNvSpPr>
              <a:spLocks/>
            </p:cNvSpPr>
            <p:nvPr/>
          </p:nvSpPr>
          <p:spPr bwMode="auto">
            <a:xfrm>
              <a:off x="10175881" y="4698806"/>
              <a:ext cx="886361" cy="747777"/>
            </a:xfrm>
            <a:custGeom>
              <a:avLst/>
              <a:gdLst>
                <a:gd name="T0" fmla="*/ 187 w 251"/>
                <a:gd name="T1" fmla="*/ 162 h 212"/>
                <a:gd name="T2" fmla="*/ 0 w 251"/>
                <a:gd name="T3" fmla="*/ 191 h 212"/>
                <a:gd name="T4" fmla="*/ 106 w 251"/>
                <a:gd name="T5" fmla="*/ 37 h 212"/>
                <a:gd name="T6" fmla="*/ 233 w 251"/>
                <a:gd name="T7" fmla="*/ 13 h 212"/>
                <a:gd name="T8" fmla="*/ 247 w 251"/>
                <a:gd name="T9" fmla="*/ 28 h 212"/>
                <a:gd name="T10" fmla="*/ 187 w 251"/>
                <a:gd name="T11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1" h="212">
                  <a:moveTo>
                    <a:pt x="187" y="162"/>
                  </a:moveTo>
                  <a:cubicBezTo>
                    <a:pt x="144" y="196"/>
                    <a:pt x="76" y="212"/>
                    <a:pt x="0" y="191"/>
                  </a:cubicBezTo>
                  <a:cubicBezTo>
                    <a:pt x="43" y="132"/>
                    <a:pt x="67" y="67"/>
                    <a:pt x="106" y="37"/>
                  </a:cubicBezTo>
                  <a:cubicBezTo>
                    <a:pt x="148" y="4"/>
                    <a:pt x="187" y="0"/>
                    <a:pt x="233" y="13"/>
                  </a:cubicBezTo>
                  <a:cubicBezTo>
                    <a:pt x="240" y="15"/>
                    <a:pt x="246" y="21"/>
                    <a:pt x="247" y="28"/>
                  </a:cubicBezTo>
                  <a:cubicBezTo>
                    <a:pt x="251" y="71"/>
                    <a:pt x="230" y="128"/>
                    <a:pt x="187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67">
              <a:extLst>
                <a:ext uri="{FF2B5EF4-FFF2-40B4-BE49-F238E27FC236}">
                  <a16:creationId xmlns:a16="http://schemas.microsoft.com/office/drawing/2014/main" id="{03560F7C-2E3E-39B9-094A-DFAE8E18BEAB}"/>
                </a:ext>
              </a:extLst>
            </p:cNvPr>
            <p:cNvSpPr>
              <a:spLocks/>
            </p:cNvSpPr>
            <p:nvPr/>
          </p:nvSpPr>
          <p:spPr bwMode="auto">
            <a:xfrm>
              <a:off x="9194243" y="4210874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3702B85C-E98E-D7B5-7745-48B1EF00DF5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826605" y="5322345"/>
              <a:ext cx="365395" cy="1437900"/>
            </a:xfrm>
            <a:custGeom>
              <a:avLst/>
              <a:gdLst>
                <a:gd name="connsiteX0" fmla="*/ 364532 w 365395"/>
                <a:gd name="connsiteY0" fmla="*/ 37 h 1437900"/>
                <a:gd name="connsiteX1" fmla="*/ 365395 w 365395"/>
                <a:gd name="connsiteY1" fmla="*/ 347 h 1437900"/>
                <a:gd name="connsiteX2" fmla="*/ 365395 w 365395"/>
                <a:gd name="connsiteY2" fmla="*/ 1221898 h 1437900"/>
                <a:gd name="connsiteX3" fmla="*/ 313152 w 365395"/>
                <a:gd name="connsiteY3" fmla="*/ 1283144 h 1437900"/>
                <a:gd name="connsiteX4" fmla="*/ 125679 w 365395"/>
                <a:gd name="connsiteY4" fmla="*/ 1437900 h 1437900"/>
                <a:gd name="connsiteX5" fmla="*/ 9122 w 365395"/>
                <a:gd name="connsiteY5" fmla="*/ 606959 h 1437900"/>
                <a:gd name="connsiteX6" fmla="*/ 334068 w 365395"/>
                <a:gd name="connsiteY6" fmla="*/ 11920 h 1437900"/>
                <a:gd name="connsiteX7" fmla="*/ 364532 w 365395"/>
                <a:gd name="connsiteY7" fmla="*/ 37 h 14379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65395" h="1437900">
                  <a:moveTo>
                    <a:pt x="364532" y="37"/>
                  </a:moveTo>
                  <a:lnTo>
                    <a:pt x="365395" y="347"/>
                  </a:lnTo>
                  <a:lnTo>
                    <a:pt x="365395" y="1221898"/>
                  </a:lnTo>
                  <a:lnTo>
                    <a:pt x="313152" y="1283144"/>
                  </a:lnTo>
                  <a:cubicBezTo>
                    <a:pt x="257247" y="1341955"/>
                    <a:pt x="194554" y="1394769"/>
                    <a:pt x="125679" y="1437900"/>
                  </a:cubicBezTo>
                  <a:cubicBezTo>
                    <a:pt x="104487" y="1117495"/>
                    <a:pt x="-36794" y="895676"/>
                    <a:pt x="9122" y="606959"/>
                  </a:cubicBezTo>
                  <a:cubicBezTo>
                    <a:pt x="44442" y="364014"/>
                    <a:pt x="178659" y="124590"/>
                    <a:pt x="334068" y="11920"/>
                  </a:cubicBezTo>
                  <a:cubicBezTo>
                    <a:pt x="342898" y="3118"/>
                    <a:pt x="353494" y="-403"/>
                    <a:pt x="364532" y="3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6" name="Freeform 69">
              <a:extLst>
                <a:ext uri="{FF2B5EF4-FFF2-40B4-BE49-F238E27FC236}">
                  <a16:creationId xmlns:a16="http://schemas.microsoft.com/office/drawing/2014/main" id="{E7C4E7AA-FD08-BAF3-E06D-CB79D58EAD95}"/>
                </a:ext>
              </a:extLst>
            </p:cNvPr>
            <p:cNvSpPr>
              <a:spLocks/>
            </p:cNvSpPr>
            <p:nvPr/>
          </p:nvSpPr>
          <p:spPr bwMode="auto">
            <a:xfrm>
              <a:off x="9609996" y="3330287"/>
              <a:ext cx="1316550" cy="727567"/>
            </a:xfrm>
            <a:custGeom>
              <a:avLst/>
              <a:gdLst>
                <a:gd name="T0" fmla="*/ 219 w 374"/>
                <a:gd name="T1" fmla="*/ 198 h 207"/>
                <a:gd name="T2" fmla="*/ 0 w 374"/>
                <a:gd name="T3" fmla="*/ 109 h 207"/>
                <a:gd name="T4" fmla="*/ 202 w 374"/>
                <a:gd name="T5" fmla="*/ 8 h 207"/>
                <a:gd name="T6" fmla="*/ 366 w 374"/>
                <a:gd name="T7" fmla="*/ 70 h 207"/>
                <a:gd name="T8" fmla="*/ 370 w 374"/>
                <a:gd name="T9" fmla="*/ 92 h 207"/>
                <a:gd name="T10" fmla="*/ 219 w 374"/>
                <a:gd name="T11" fmla="*/ 198 h 2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74" h="207">
                  <a:moveTo>
                    <a:pt x="219" y="198"/>
                  </a:moveTo>
                  <a:cubicBezTo>
                    <a:pt x="151" y="207"/>
                    <a:pt x="68" y="180"/>
                    <a:pt x="0" y="109"/>
                  </a:cubicBezTo>
                  <a:cubicBezTo>
                    <a:pt x="73" y="71"/>
                    <a:pt x="122" y="18"/>
                    <a:pt x="202" y="8"/>
                  </a:cubicBezTo>
                  <a:cubicBezTo>
                    <a:pt x="268" y="0"/>
                    <a:pt x="330" y="31"/>
                    <a:pt x="366" y="70"/>
                  </a:cubicBezTo>
                  <a:cubicBezTo>
                    <a:pt x="372" y="76"/>
                    <a:pt x="374" y="84"/>
                    <a:pt x="370" y="92"/>
                  </a:cubicBezTo>
                  <a:cubicBezTo>
                    <a:pt x="348" y="141"/>
                    <a:pt x="288" y="190"/>
                    <a:pt x="219" y="19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7" name="Freeform 70">
              <a:extLst>
                <a:ext uri="{FF2B5EF4-FFF2-40B4-BE49-F238E27FC236}">
                  <a16:creationId xmlns:a16="http://schemas.microsoft.com/office/drawing/2014/main" id="{15FE4254-2B79-B418-D85D-A8DD47343ED6}"/>
                </a:ext>
              </a:extLst>
            </p:cNvPr>
            <p:cNvSpPr>
              <a:spLocks/>
            </p:cNvSpPr>
            <p:nvPr/>
          </p:nvSpPr>
          <p:spPr bwMode="auto">
            <a:xfrm>
              <a:off x="8535969" y="5746848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 71">
              <a:extLst>
                <a:ext uri="{FF2B5EF4-FFF2-40B4-BE49-F238E27FC236}">
                  <a16:creationId xmlns:a16="http://schemas.microsoft.com/office/drawing/2014/main" id="{899C20AA-4E43-4A8C-F988-1E1ED238FE01}"/>
                </a:ext>
              </a:extLst>
            </p:cNvPr>
            <p:cNvSpPr>
              <a:spLocks/>
            </p:cNvSpPr>
            <p:nvPr/>
          </p:nvSpPr>
          <p:spPr bwMode="auto">
            <a:xfrm>
              <a:off x="7548556" y="881967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5" name="Dynamic legal" descr="{&quot;templafy&quot;:{&quot;id&quot;:&quot;7c0516f2-9cff-4160-aa1c-345cc2e66378&quot;}}">
            <a:extLst>
              <a:ext uri="{FF2B5EF4-FFF2-40B4-BE49-F238E27FC236}">
                <a16:creationId xmlns:a16="http://schemas.microsoft.com/office/drawing/2014/main" id="{4E6F3055-D03B-FCF0-B2FB-D2332CA98A7C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20" name="Dynmic Internal use only" descr="{&quot;templafy&quot;:{&quot;id&quot;:&quot;7e9bfe46-bba0-4e92-8d87-234a6a3f4d68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15DBACD7-E492-5845-35EF-5BDAB4558120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AE4657E-921F-C9EA-1197-A53CCFB295C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1360801"/>
            <a:ext cx="4369868" cy="3553199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4369868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4" name="Date Placeholder 1">
            <a:extLst>
              <a:ext uri="{FF2B5EF4-FFF2-40B4-BE49-F238E27FC236}">
                <a16:creationId xmlns:a16="http://schemas.microsoft.com/office/drawing/2014/main" id="{C035405D-19D2-0662-2338-619333EB9F7A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7413823" y="6318000"/>
            <a:ext cx="1191077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817F6675-2FC1-4687-9791-F3C579ADC9B0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AD9BD32B-968C-E244-F68C-4B7CB432FB4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Footer Placeholder 6">
            <a:extLst>
              <a:ext uri="{FF2B5EF4-FFF2-40B4-BE49-F238E27FC236}">
                <a16:creationId xmlns:a16="http://schemas.microsoft.com/office/drawing/2014/main" id="{CA792341-6222-D67E-268A-9549DA4AFCF0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4176413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Cover color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3568536-CF09-24B7-65B3-FE5E7F6CA75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160560" y="-2047"/>
            <a:ext cx="1993526" cy="6856714"/>
          </a:xfrm>
          <a:prstGeom prst="rect">
            <a:avLst/>
          </a:prstGeom>
        </p:spPr>
      </p:pic>
      <p:sp>
        <p:nvSpPr>
          <p:cNvPr id="23" name="Graphic 18">
            <a:extLst>
              <a:ext uri="{FF2B5EF4-FFF2-40B4-BE49-F238E27FC236}">
                <a16:creationId xmlns:a16="http://schemas.microsoft.com/office/drawing/2014/main" id="{979F411F-DDC3-410A-39FF-E348CF087575}"/>
              </a:ext>
            </a:extLst>
          </p:cNvPr>
          <p:cNvSpPr/>
          <p:nvPr userDrawn="1"/>
        </p:nvSpPr>
        <p:spPr>
          <a:xfrm>
            <a:off x="300837" y="1625541"/>
            <a:ext cx="760140" cy="700818"/>
          </a:xfrm>
          <a:custGeom>
            <a:avLst/>
            <a:gdLst>
              <a:gd name="connsiteX0" fmla="*/ 5869858 w 6694659"/>
              <a:gd name="connsiteY0" fmla="*/ 2392532 h 4629150"/>
              <a:gd name="connsiteX1" fmla="*/ 6694437 w 6694659"/>
              <a:gd name="connsiteY1" fmla="*/ -53 h 4629150"/>
              <a:gd name="connsiteX2" fmla="*/ 3484512 w 6694659"/>
              <a:gd name="connsiteY2" fmla="*/ 181684 h 4629150"/>
              <a:gd name="connsiteX3" fmla="*/ 3484512 w 6694659"/>
              <a:gd name="connsiteY3" fmla="*/ 183303 h 4629150"/>
              <a:gd name="connsiteX4" fmla="*/ 969341 w 6694659"/>
              <a:gd name="connsiteY4" fmla="*/ 1277535 h 4629150"/>
              <a:gd name="connsiteX5" fmla="*/ 155429 w 6694659"/>
              <a:gd name="connsiteY5" fmla="*/ 4629097 h 4629150"/>
              <a:gd name="connsiteX6" fmla="*/ 5869858 w 6694659"/>
              <a:gd name="connsiteY6" fmla="*/ 2392532 h 46291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6694659" h="4629150">
                <a:moveTo>
                  <a:pt x="5869858" y="2392532"/>
                </a:moveTo>
                <a:cubicBezTo>
                  <a:pt x="6347728" y="1671299"/>
                  <a:pt x="6547276" y="904155"/>
                  <a:pt x="6694437" y="-53"/>
                </a:cubicBezTo>
                <a:cubicBezTo>
                  <a:pt x="5560962" y="147680"/>
                  <a:pt x="4554075" y="128820"/>
                  <a:pt x="3484512" y="181684"/>
                </a:cubicBezTo>
                <a:lnTo>
                  <a:pt x="3484512" y="183303"/>
                </a:lnTo>
                <a:cubicBezTo>
                  <a:pt x="2560587" y="214259"/>
                  <a:pt x="1649426" y="581448"/>
                  <a:pt x="969341" y="1277535"/>
                </a:cubicBezTo>
                <a:cubicBezTo>
                  <a:pt x="59608" y="2208890"/>
                  <a:pt x="-205568" y="3492955"/>
                  <a:pt x="155429" y="4629097"/>
                </a:cubicBezTo>
                <a:cubicBezTo>
                  <a:pt x="1796206" y="3608303"/>
                  <a:pt x="4711333" y="4223332"/>
                  <a:pt x="5869858" y="2392532"/>
                </a:cubicBezTo>
              </a:path>
            </a:pathLst>
          </a:custGeom>
          <a:solidFill>
            <a:srgbClr val="03CC54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350" dirty="0"/>
          </a:p>
        </p:txBody>
      </p:sp>
      <p:sp>
        <p:nvSpPr>
          <p:cNvPr id="8" name="Dynamic legal" descr="{&quot;templafy&quot;:{&quot;id&quot;:&quot;7a71e673-3985-4b0d-889b-39ebfe29da2b&quot;}}">
            <a:extLst>
              <a:ext uri="{FF2B5EF4-FFF2-40B4-BE49-F238E27FC236}">
                <a16:creationId xmlns:a16="http://schemas.microsoft.com/office/drawing/2014/main" id="{A7DC0B67-F4C1-1DBC-D8E2-AAA49204E414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9" name="Dynmic Internal use only" descr="{&quot;templafy&quot;:{&quot;id&quot;:&quot;6d203269-bce4-46f9-a484-5a2f3ba6f2fc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5E66A077-48D6-70D2-4B65-11BBA2DA87FB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AE4657E-921F-C9EA-1197-A53CCFB295C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25" name="Title 1">
            <a:extLst>
              <a:ext uri="{FF2B5EF4-FFF2-40B4-BE49-F238E27FC236}">
                <a16:creationId xmlns:a16="http://schemas.microsoft.com/office/drawing/2014/main" id="{87A3D42A-8BBF-DCC4-0104-0D87887DE58C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2448000"/>
            <a:ext cx="5691600" cy="2088000"/>
          </a:xfrm>
          <a:noFill/>
        </p:spPr>
        <p:txBody>
          <a:bodyPr anchor="t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0125D5D-E8F4-2C32-460D-ACB0EF15761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7413823" y="6318000"/>
            <a:ext cx="1191077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4A37C4A-5620-40E8-B889-1CFCB1DECF1A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4" name="Slide Number Placeholder 9">
            <a:extLst>
              <a:ext uri="{FF2B5EF4-FFF2-40B4-BE49-F238E27FC236}">
                <a16:creationId xmlns:a16="http://schemas.microsoft.com/office/drawing/2014/main" id="{49023237-4E89-B618-16DD-F5818553DAC8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E2B5036-9428-96DF-A9C3-4357A832A4FB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83126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3095">
          <p15:clr>
            <a:srgbClr val="A4A3A4"/>
          </p15:clr>
        </p15:guide>
        <p15:guide id="2" orient="horz" pos="1542">
          <p15:clr>
            <a:srgbClr val="A4A3A4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Cover color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FF4D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02F9877-6EE4-0776-F14A-09F55D8E3E6B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125601" y="0"/>
            <a:ext cx="2019300" cy="6858000"/>
          </a:xfrm>
          <a:prstGeom prst="rect">
            <a:avLst/>
          </a:prstGeom>
        </p:spPr>
      </p:pic>
      <p:sp>
        <p:nvSpPr>
          <p:cNvPr id="7" name="Dynamic legal" descr="{&quot;templafy&quot;:{&quot;id&quot;:&quot;c627ce88-8662-4109-8d9e-8049248859a5&quot;}}">
            <a:extLst>
              <a:ext uri="{FF2B5EF4-FFF2-40B4-BE49-F238E27FC236}">
                <a16:creationId xmlns:a16="http://schemas.microsoft.com/office/drawing/2014/main" id="{0391A703-0AA4-55BF-046E-BA4771355432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0" name="Dynmic Internal use only" descr="{&quot;templafy&quot;:{&quot;id&quot;:&quot;40757758-8691-4f3d-8dc2-9fae860cf7c3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042F8332-EB13-71D7-4F6A-9B0E61E5714D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AE4657E-921F-C9EA-1197-A53CCFB295C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269082" y="5738400"/>
            <a:ext cx="1047599" cy="75867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69998" y="1360800"/>
            <a:ext cx="5691600" cy="3553200"/>
          </a:xfrm>
          <a:noFill/>
        </p:spPr>
        <p:txBody>
          <a:bodyPr anchor="ctr" anchorCtr="0"/>
          <a:lstStyle>
            <a:lvl1pPr algn="l">
              <a:lnSpc>
                <a:spcPct val="83000"/>
              </a:lnSpc>
              <a:defRPr sz="405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69999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4" name="Date Placeholder 1">
            <a:extLst>
              <a:ext uri="{FF2B5EF4-FFF2-40B4-BE49-F238E27FC236}">
                <a16:creationId xmlns:a16="http://schemas.microsoft.com/office/drawing/2014/main" id="{3B5491A0-9C48-D6B7-1E03-51949837D7D7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7413823" y="6318000"/>
            <a:ext cx="1191077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8E68F5F-701E-412F-A370-3BBA00A82738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Slide Number Placeholder 9">
            <a:extLst>
              <a:ext uri="{FF2B5EF4-FFF2-40B4-BE49-F238E27FC236}">
                <a16:creationId xmlns:a16="http://schemas.microsoft.com/office/drawing/2014/main" id="{FDAFAABD-CB2C-C851-DBE4-F6FA60644A1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8604899" y="6318000"/>
            <a:ext cx="269409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Footer Placeholder 6">
            <a:extLst>
              <a:ext uri="{FF2B5EF4-FFF2-40B4-BE49-F238E27FC236}">
                <a16:creationId xmlns:a16="http://schemas.microsoft.com/office/drawing/2014/main" id="{A0DCB8F1-DE42-A357-DD9D-5950CDBE1E0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4905900" y="6318000"/>
            <a:ext cx="2507924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5363283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Cover white background"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29E6FAF1-D120-4172-AE29-B3271FE51748}"/>
              </a:ext>
            </a:extLst>
          </p:cNvPr>
          <p:cNvSpPr/>
          <p:nvPr userDrawn="1"/>
        </p:nvSpPr>
        <p:spPr>
          <a:xfrm>
            <a:off x="0" y="1"/>
            <a:ext cx="9144900" cy="659876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CAE4657E-921F-C9EA-1197-A53CCFB295C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69082" y="5738401"/>
            <a:ext cx="1047599" cy="75867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725300" y="2448000"/>
            <a:ext cx="5691600" cy="2088000"/>
          </a:xfrm>
          <a:noFill/>
        </p:spPr>
        <p:txBody>
          <a:bodyPr anchor="t" anchorCtr="0"/>
          <a:lstStyle>
            <a:lvl1pPr algn="l">
              <a:lnSpc>
                <a:spcPct val="83000"/>
              </a:lnSpc>
              <a:defRPr sz="405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38" name="Subtitle 2">
            <a:extLst>
              <a:ext uri="{FF2B5EF4-FFF2-40B4-BE49-F238E27FC236}">
                <a16:creationId xmlns:a16="http://schemas.microsoft.com/office/drawing/2014/main" id="{B1E23670-1026-DDCB-959A-932A6F3645D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725300" y="4914000"/>
            <a:ext cx="5691600" cy="320400"/>
          </a:xfrm>
        </p:spPr>
        <p:txBody>
          <a:bodyPr anchor="b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accent1"/>
                </a:solidFill>
                <a:latin typeface="+mn-lt"/>
              </a:defRPr>
            </a:lvl1pPr>
            <a:lvl2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2pPr>
            <a:lvl3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3pPr>
            <a:lvl4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4pPr>
            <a:lvl5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5pPr>
            <a:lvl6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6pPr>
            <a:lvl7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7pPr>
            <a:lvl8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8pPr>
            <a:lvl9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500" b="0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  <a:endParaRPr lang="en-US"/>
          </a:p>
        </p:txBody>
      </p:sp>
      <p:sp>
        <p:nvSpPr>
          <p:cNvPr id="4" name="Graphic 18">
            <a:extLst>
              <a:ext uri="{FF2B5EF4-FFF2-40B4-BE49-F238E27FC236}">
                <a16:creationId xmlns:a16="http://schemas.microsoft.com/office/drawing/2014/main" id="{5449E367-4E1D-466C-C39E-92ED41058166}"/>
              </a:ext>
            </a:extLst>
          </p:cNvPr>
          <p:cNvSpPr/>
          <p:nvPr userDrawn="1"/>
        </p:nvSpPr>
        <p:spPr>
          <a:xfrm>
            <a:off x="1724025" y="1625541"/>
            <a:ext cx="760140" cy="700818"/>
          </a:xfrm>
          <a:custGeom>
            <a:avLst/>
            <a:gdLst>
              <a:gd name="connsiteX0" fmla="*/ 5869858 w 6694659"/>
              <a:gd name="connsiteY0" fmla="*/ 2392532 h 4629150"/>
              <a:gd name="connsiteX1" fmla="*/ 6694437 w 6694659"/>
              <a:gd name="connsiteY1" fmla="*/ -53 h 4629150"/>
              <a:gd name="connsiteX2" fmla="*/ 3484512 w 6694659"/>
              <a:gd name="connsiteY2" fmla="*/ 181684 h 4629150"/>
              <a:gd name="connsiteX3" fmla="*/ 3484512 w 6694659"/>
              <a:gd name="connsiteY3" fmla="*/ 183303 h 4629150"/>
              <a:gd name="connsiteX4" fmla="*/ 969341 w 6694659"/>
              <a:gd name="connsiteY4" fmla="*/ 1277535 h 4629150"/>
              <a:gd name="connsiteX5" fmla="*/ 155429 w 6694659"/>
              <a:gd name="connsiteY5" fmla="*/ 4629097 h 4629150"/>
              <a:gd name="connsiteX6" fmla="*/ 5869858 w 6694659"/>
              <a:gd name="connsiteY6" fmla="*/ 2392532 h 46291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6694659" h="4629150">
                <a:moveTo>
                  <a:pt x="5869858" y="2392532"/>
                </a:moveTo>
                <a:cubicBezTo>
                  <a:pt x="6347728" y="1671299"/>
                  <a:pt x="6547276" y="904155"/>
                  <a:pt x="6694437" y="-53"/>
                </a:cubicBezTo>
                <a:cubicBezTo>
                  <a:pt x="5560962" y="147680"/>
                  <a:pt x="4554075" y="128820"/>
                  <a:pt x="3484512" y="181684"/>
                </a:cubicBezTo>
                <a:lnTo>
                  <a:pt x="3484512" y="183303"/>
                </a:lnTo>
                <a:cubicBezTo>
                  <a:pt x="2560587" y="214259"/>
                  <a:pt x="1649426" y="581448"/>
                  <a:pt x="969341" y="1277535"/>
                </a:cubicBezTo>
                <a:cubicBezTo>
                  <a:pt x="59608" y="2208890"/>
                  <a:pt x="-205568" y="3492955"/>
                  <a:pt x="155429" y="4629097"/>
                </a:cubicBezTo>
                <a:cubicBezTo>
                  <a:pt x="1796206" y="3608303"/>
                  <a:pt x="4711333" y="4223332"/>
                  <a:pt x="5869858" y="2392532"/>
                </a:cubicBezTo>
              </a:path>
            </a:pathLst>
          </a:custGeom>
          <a:solidFill>
            <a:srgbClr val="03CC54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350" dirty="0">
              <a:solidFill>
                <a:schemeClr val="accent2"/>
              </a:solidFill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8C8E36C-86E2-C045-320F-196A6B6F4CA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E8B9657-5ABC-4977-B0EC-5AA30EF115D3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6242D8C-3E19-1E08-0CED-A331D19093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0924764-41E8-0A44-4FDB-6636E9D10AA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7253950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1542">
          <p15:clr>
            <a:srgbClr val="A4A3A4"/>
          </p15:clr>
        </p15:guide>
        <p15:guide id="2" orient="horz" pos="3095">
          <p15:clr>
            <a:srgbClr val="A4A3A4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Agend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9144900" cy="68616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8AB4888A-3EE4-C30C-D9BA-4754DF38E634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chemeClr val="accent1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6F8D78CB-AC00-C3C0-BBF6-9241240511A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4" name="Freeform 6">
              <a:extLst>
                <a:ext uri="{FF2B5EF4-FFF2-40B4-BE49-F238E27FC236}">
                  <a16:creationId xmlns:a16="http://schemas.microsoft.com/office/drawing/2014/main" id="{69BE21C6-54F8-6683-2161-104BE5950290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8">
              <a:extLst>
                <a:ext uri="{FF2B5EF4-FFF2-40B4-BE49-F238E27FC236}">
                  <a16:creationId xmlns:a16="http://schemas.microsoft.com/office/drawing/2014/main" id="{DF7E80A6-373A-42C4-B0AD-64B4E91D69BA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 9">
              <a:extLst>
                <a:ext uri="{FF2B5EF4-FFF2-40B4-BE49-F238E27FC236}">
                  <a16:creationId xmlns:a16="http://schemas.microsoft.com/office/drawing/2014/main" id="{11448B7B-FD8B-C82B-9E99-4BD678AD38D4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7" name="Freeform 10">
              <a:extLst>
                <a:ext uri="{FF2B5EF4-FFF2-40B4-BE49-F238E27FC236}">
                  <a16:creationId xmlns:a16="http://schemas.microsoft.com/office/drawing/2014/main" id="{C6955F5F-AFB4-EFBB-15A9-55B931B8DF5C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10B963E0-D55E-65E8-3AE2-D1AC06392C33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1F06EBC6-64EF-9E3E-573E-6C6F0FD89CD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0" name="Freeform 15">
              <a:extLst>
                <a:ext uri="{FF2B5EF4-FFF2-40B4-BE49-F238E27FC236}">
                  <a16:creationId xmlns:a16="http://schemas.microsoft.com/office/drawing/2014/main" id="{B99990E6-66A8-9CD1-3B1D-E93E7296E40D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1" name="Freeform 16">
              <a:extLst>
                <a:ext uri="{FF2B5EF4-FFF2-40B4-BE49-F238E27FC236}">
                  <a16:creationId xmlns:a16="http://schemas.microsoft.com/office/drawing/2014/main" id="{EF995E05-C549-EFAD-5085-1B39205ACBF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2" name="Freeform 17">
              <a:extLst>
                <a:ext uri="{FF2B5EF4-FFF2-40B4-BE49-F238E27FC236}">
                  <a16:creationId xmlns:a16="http://schemas.microsoft.com/office/drawing/2014/main" id="{46B86CA1-115B-BAB1-E251-AA002CF049F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05C9BC71-E3D5-D612-017A-83575E005884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4" name="Freeform 22">
              <a:extLst>
                <a:ext uri="{FF2B5EF4-FFF2-40B4-BE49-F238E27FC236}">
                  <a16:creationId xmlns:a16="http://schemas.microsoft.com/office/drawing/2014/main" id="{2469EA6C-EA63-2FA5-DECB-1B36A9C4E332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5" name="Freeform 25">
              <a:extLst>
                <a:ext uri="{FF2B5EF4-FFF2-40B4-BE49-F238E27FC236}">
                  <a16:creationId xmlns:a16="http://schemas.microsoft.com/office/drawing/2014/main" id="{9A7A12B0-5A54-08F0-8DE9-BA181D6101F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6" name="Freeform 26">
              <a:extLst>
                <a:ext uri="{FF2B5EF4-FFF2-40B4-BE49-F238E27FC236}">
                  <a16:creationId xmlns:a16="http://schemas.microsoft.com/office/drawing/2014/main" id="{0FB23003-5FC0-303F-AB61-047F4C07244C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7" name="Freeform 27">
              <a:extLst>
                <a:ext uri="{FF2B5EF4-FFF2-40B4-BE49-F238E27FC236}">
                  <a16:creationId xmlns:a16="http://schemas.microsoft.com/office/drawing/2014/main" id="{B50BF9A1-E34D-1391-6CFB-0517430E24D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 29">
              <a:extLst>
                <a:ext uri="{FF2B5EF4-FFF2-40B4-BE49-F238E27FC236}">
                  <a16:creationId xmlns:a16="http://schemas.microsoft.com/office/drawing/2014/main" id="{8EEB0B19-7711-ED80-0D37-8112052EE2E3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03B1BA04-352F-96D0-EFD6-0D7C7F769D21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0" name="Freeform 36">
              <a:extLst>
                <a:ext uri="{FF2B5EF4-FFF2-40B4-BE49-F238E27FC236}">
                  <a16:creationId xmlns:a16="http://schemas.microsoft.com/office/drawing/2014/main" id="{FF0817F4-42D5-1B8F-B2D4-A378467F66E0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1" name="Freeform 37">
              <a:extLst>
                <a:ext uri="{FF2B5EF4-FFF2-40B4-BE49-F238E27FC236}">
                  <a16:creationId xmlns:a16="http://schemas.microsoft.com/office/drawing/2014/main" id="{F7A3656B-E65B-CB05-79F6-80323694D9D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 38">
              <a:extLst>
                <a:ext uri="{FF2B5EF4-FFF2-40B4-BE49-F238E27FC236}">
                  <a16:creationId xmlns:a16="http://schemas.microsoft.com/office/drawing/2014/main" id="{6E8E5CEB-42EC-6BDB-6784-FF22B20FDB0C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39A2F59A-CED4-746C-C5DB-5A9E45B7B30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1010E54E-8563-1BEB-7196-E4FD474329A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5" name="Freeform 44">
              <a:extLst>
                <a:ext uri="{FF2B5EF4-FFF2-40B4-BE49-F238E27FC236}">
                  <a16:creationId xmlns:a16="http://schemas.microsoft.com/office/drawing/2014/main" id="{180358ED-D8E9-D8AE-66D5-E9BEF0CF05B5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6" name="Freeform 45">
              <a:extLst>
                <a:ext uri="{FF2B5EF4-FFF2-40B4-BE49-F238E27FC236}">
                  <a16:creationId xmlns:a16="http://schemas.microsoft.com/office/drawing/2014/main" id="{C37A81FA-1D89-24B9-EB3D-7FC079CE2EBB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 46">
              <a:extLst>
                <a:ext uri="{FF2B5EF4-FFF2-40B4-BE49-F238E27FC236}">
                  <a16:creationId xmlns:a16="http://schemas.microsoft.com/office/drawing/2014/main" id="{EC43ABE7-4E65-FC3A-5FED-96142EC1C9C1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8" name="Freeform 47">
              <a:extLst>
                <a:ext uri="{FF2B5EF4-FFF2-40B4-BE49-F238E27FC236}">
                  <a16:creationId xmlns:a16="http://schemas.microsoft.com/office/drawing/2014/main" id="{2B690DA8-1DA5-F318-1F5E-B0291DD02C32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42849AE6-D65F-045C-C2D7-9DC1EB5BB812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0" name="Freeform 49">
              <a:extLst>
                <a:ext uri="{FF2B5EF4-FFF2-40B4-BE49-F238E27FC236}">
                  <a16:creationId xmlns:a16="http://schemas.microsoft.com/office/drawing/2014/main" id="{E4DCF8F2-78F9-E096-6877-A14BB2C12FBB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7A713736-8189-A3AB-0DC8-3B9368EC20A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2" name="Freeform 58">
              <a:extLst>
                <a:ext uri="{FF2B5EF4-FFF2-40B4-BE49-F238E27FC236}">
                  <a16:creationId xmlns:a16="http://schemas.microsoft.com/office/drawing/2014/main" id="{D6F81934-D712-AA55-1DB7-AFB9F05AD9E6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3" name="Freeform 61">
              <a:extLst>
                <a:ext uri="{FF2B5EF4-FFF2-40B4-BE49-F238E27FC236}">
                  <a16:creationId xmlns:a16="http://schemas.microsoft.com/office/drawing/2014/main" id="{C4CA7C4D-DF22-4FBE-6F33-A240430044AA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4" name="Freeform 62">
              <a:extLst>
                <a:ext uri="{FF2B5EF4-FFF2-40B4-BE49-F238E27FC236}">
                  <a16:creationId xmlns:a16="http://schemas.microsoft.com/office/drawing/2014/main" id="{112469AE-D432-1C51-19B8-DD2A1156FA5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5" name="Freeform 63">
              <a:extLst>
                <a:ext uri="{FF2B5EF4-FFF2-40B4-BE49-F238E27FC236}">
                  <a16:creationId xmlns:a16="http://schemas.microsoft.com/office/drawing/2014/main" id="{DAFF8F1E-09F3-8612-80D5-6C41254F4123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1C9504F2-7E7F-3207-E39C-265578980D5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7" name="Freeform 65">
              <a:extLst>
                <a:ext uri="{FF2B5EF4-FFF2-40B4-BE49-F238E27FC236}">
                  <a16:creationId xmlns:a16="http://schemas.microsoft.com/office/drawing/2014/main" id="{B877B475-5CE0-6E40-40DA-D8AEC6CB7C39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33921DA3-B844-9587-F5A7-3006ECE3E764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9" name="Freeform 67">
              <a:extLst>
                <a:ext uri="{FF2B5EF4-FFF2-40B4-BE49-F238E27FC236}">
                  <a16:creationId xmlns:a16="http://schemas.microsoft.com/office/drawing/2014/main" id="{5EEB990D-B707-9A0C-EB01-D13916C79F0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4E2A2A8-FB79-DF91-CF37-6FD21075E50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1" name="Freeform 70">
              <a:extLst>
                <a:ext uri="{FF2B5EF4-FFF2-40B4-BE49-F238E27FC236}">
                  <a16:creationId xmlns:a16="http://schemas.microsoft.com/office/drawing/2014/main" id="{4A9FBF67-B8A9-ECE0-8641-1C2718FE703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2" name="Freeform 71">
              <a:extLst>
                <a:ext uri="{FF2B5EF4-FFF2-40B4-BE49-F238E27FC236}">
                  <a16:creationId xmlns:a16="http://schemas.microsoft.com/office/drawing/2014/main" id="{CB6D07DB-5F66-D746-73BC-B55E1627EA56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2" name="Dynamic legal" descr="{&quot;templafy&quot;:{&quot;id&quot;:&quot;57a150c3-501c-4d79-b691-ca579abf2532&quot;}}">
            <a:extLst>
              <a:ext uri="{FF2B5EF4-FFF2-40B4-BE49-F238E27FC236}">
                <a16:creationId xmlns:a16="http://schemas.microsoft.com/office/drawing/2014/main" id="{1DF424BE-B459-F29C-BEB2-449D92EA93E2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319c653f-67b0-4313-882d-df301d16eab4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ABF9664C-BB4D-4C24-0D92-CFDB5B42E6C4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61" name="Logo">
            <a:extLst>
              <a:ext uri="{FF2B5EF4-FFF2-40B4-BE49-F238E27FC236}">
                <a16:creationId xmlns:a16="http://schemas.microsoft.com/office/drawing/2014/main" id="{D171A8D9-C2F0-F2E4-95F5-CC293B3A83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A9B1855-605E-201E-357F-9A2AEB2047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360000"/>
            <a:ext cx="2041200" cy="5572800"/>
          </a:xfrm>
        </p:spPr>
        <p:txBody>
          <a:bodyPr anchor="ctr" anchorCtr="0"/>
          <a:lstStyle>
            <a:lvl1pPr>
              <a:lnSpc>
                <a:spcPct val="83000"/>
              </a:lnSpc>
              <a:defRPr sz="27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Agenda</a:t>
            </a:r>
            <a:endParaRPr lang="en-US"/>
          </a:p>
        </p:txBody>
      </p:sp>
      <p:sp>
        <p:nvSpPr>
          <p:cNvPr id="62" name="Text Placeholder 2">
            <a:extLst>
              <a:ext uri="{FF2B5EF4-FFF2-40B4-BE49-F238E27FC236}">
                <a16:creationId xmlns:a16="http://schemas.microsoft.com/office/drawing/2014/main" id="{C91D10E3-3624-802C-5B1E-5D4C4A56A9F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450313" y="360000"/>
            <a:ext cx="306245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01</a:t>
            </a:r>
            <a:endParaRPr lang="en-US" dirty="0"/>
          </a:p>
          <a:p>
            <a:pPr lvl="1"/>
            <a:r>
              <a:rPr lang="en-US" noProof="0" dirty="0"/>
              <a:t>02</a:t>
            </a:r>
            <a:endParaRPr lang="en-US" dirty="0"/>
          </a:p>
          <a:p>
            <a:pPr lvl="2"/>
            <a:r>
              <a:rPr lang="en-US" noProof="0" dirty="0"/>
              <a:t>03</a:t>
            </a:r>
            <a:endParaRPr lang="en-US" dirty="0"/>
          </a:p>
          <a:p>
            <a:pPr lvl="3"/>
            <a:r>
              <a:rPr lang="en-US" noProof="0" dirty="0"/>
              <a:t>04</a:t>
            </a:r>
            <a:endParaRPr lang="en-US" dirty="0"/>
          </a:p>
          <a:p>
            <a:pPr lvl="4"/>
            <a:r>
              <a:rPr lang="en-US" noProof="0" dirty="0"/>
              <a:t>05</a:t>
            </a:r>
            <a:endParaRPr lang="en-US" dirty="0"/>
          </a:p>
          <a:p>
            <a:pPr lvl="5"/>
            <a:r>
              <a:rPr lang="en-US" noProof="0" dirty="0"/>
              <a:t>06</a:t>
            </a:r>
            <a:endParaRPr lang="en-US" dirty="0"/>
          </a:p>
          <a:p>
            <a:pPr lvl="6"/>
            <a:r>
              <a:rPr lang="en-US" noProof="0" dirty="0"/>
              <a:t>07</a:t>
            </a:r>
            <a:endParaRPr lang="en-US" dirty="0"/>
          </a:p>
          <a:p>
            <a:pPr lvl="7"/>
            <a:r>
              <a:rPr lang="en-US" noProof="0" dirty="0"/>
              <a:t>08</a:t>
            </a:r>
            <a:endParaRPr lang="en-US" dirty="0"/>
          </a:p>
          <a:p>
            <a:pPr lvl="8"/>
            <a:r>
              <a:rPr lang="en-US" noProof="0" dirty="0"/>
              <a:t>09</a:t>
            </a:r>
            <a:endParaRPr lang="en-US" dirty="0"/>
          </a:p>
        </p:txBody>
      </p:sp>
      <p:sp>
        <p:nvSpPr>
          <p:cNvPr id="63" name="Text Placeholder 2">
            <a:extLst>
              <a:ext uri="{FF2B5EF4-FFF2-40B4-BE49-F238E27FC236}">
                <a16:creationId xmlns:a16="http://schemas.microsoft.com/office/drawing/2014/main" id="{1E3BB328-175D-1D81-F46E-4991B53591F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759285" y="360000"/>
            <a:ext cx="6115500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EB1E11BB-A9E1-91FE-9011-CA59BEDA47A4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3D797121-984F-42AD-B520-BD21F10E7C41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4F49622-75A8-7E62-35DD-A0B334DFC31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626CCFB-F402-A8B9-F724-E21077D40C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864685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Agend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9144900" cy="6861600"/>
          </a:xfrm>
          <a:prstGeom prst="rect">
            <a:avLst/>
          </a:prstGeom>
          <a:solidFill>
            <a:srgbClr val="00874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710534F2-D877-B678-A428-0C1A8B00F948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03CC54"/>
          </a:solidFill>
        </p:grpSpPr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D6C1705-450D-9DA6-5024-86B73B27024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2" name="Freeform 6">
              <a:extLst>
                <a:ext uri="{FF2B5EF4-FFF2-40B4-BE49-F238E27FC236}">
                  <a16:creationId xmlns:a16="http://schemas.microsoft.com/office/drawing/2014/main" id="{627DC183-C511-8B57-2D1C-BDDB6E227117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4" name="Freeform 8">
              <a:extLst>
                <a:ext uri="{FF2B5EF4-FFF2-40B4-BE49-F238E27FC236}">
                  <a16:creationId xmlns:a16="http://schemas.microsoft.com/office/drawing/2014/main" id="{420653B3-4D4C-E567-A9A1-30C3707552D9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9">
              <a:extLst>
                <a:ext uri="{FF2B5EF4-FFF2-40B4-BE49-F238E27FC236}">
                  <a16:creationId xmlns:a16="http://schemas.microsoft.com/office/drawing/2014/main" id="{406F84C9-685A-5069-FF90-BFE9C02FEC5C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 10">
              <a:extLst>
                <a:ext uri="{FF2B5EF4-FFF2-40B4-BE49-F238E27FC236}">
                  <a16:creationId xmlns:a16="http://schemas.microsoft.com/office/drawing/2014/main" id="{F737717B-DDB9-22B4-BA62-B92431697218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83F182F3-4DA7-1808-D967-BE9459EBE7E3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CB01C7E6-A791-9032-26E5-9ABED2C03183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69" name="Freeform 15">
              <a:extLst>
                <a:ext uri="{FF2B5EF4-FFF2-40B4-BE49-F238E27FC236}">
                  <a16:creationId xmlns:a16="http://schemas.microsoft.com/office/drawing/2014/main" id="{EF9E4E31-51A5-76A9-4FC9-D6C1AE1CABFA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0" name="Freeform 16">
              <a:extLst>
                <a:ext uri="{FF2B5EF4-FFF2-40B4-BE49-F238E27FC236}">
                  <a16:creationId xmlns:a16="http://schemas.microsoft.com/office/drawing/2014/main" id="{4678F72D-0C3F-93F2-6353-B170904F59CB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1" name="Freeform 17">
              <a:extLst>
                <a:ext uri="{FF2B5EF4-FFF2-40B4-BE49-F238E27FC236}">
                  <a16:creationId xmlns:a16="http://schemas.microsoft.com/office/drawing/2014/main" id="{527DE987-F22F-DDA5-76FF-7DCFDC618FB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72C56914-23D4-A3F4-4F1F-EFC119EBC1E8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3" name="Freeform 22">
              <a:extLst>
                <a:ext uri="{FF2B5EF4-FFF2-40B4-BE49-F238E27FC236}">
                  <a16:creationId xmlns:a16="http://schemas.microsoft.com/office/drawing/2014/main" id="{A4CD955A-7A5E-6D89-28EB-8BFBF900A723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25">
              <a:extLst>
                <a:ext uri="{FF2B5EF4-FFF2-40B4-BE49-F238E27FC236}">
                  <a16:creationId xmlns:a16="http://schemas.microsoft.com/office/drawing/2014/main" id="{1E94E408-0F3C-D4CA-790C-858492BF303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5" name="Freeform 26">
              <a:extLst>
                <a:ext uri="{FF2B5EF4-FFF2-40B4-BE49-F238E27FC236}">
                  <a16:creationId xmlns:a16="http://schemas.microsoft.com/office/drawing/2014/main" id="{7570247A-C731-B03F-1FE7-FEFECA9B8C72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6" name="Freeform 27">
              <a:extLst>
                <a:ext uri="{FF2B5EF4-FFF2-40B4-BE49-F238E27FC236}">
                  <a16:creationId xmlns:a16="http://schemas.microsoft.com/office/drawing/2014/main" id="{9214742D-7499-8E6F-C59E-33A226A30BC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7" name="Freeform 29">
              <a:extLst>
                <a:ext uri="{FF2B5EF4-FFF2-40B4-BE49-F238E27FC236}">
                  <a16:creationId xmlns:a16="http://schemas.microsoft.com/office/drawing/2014/main" id="{C3B3FEAD-6D48-CAD2-48D6-C79F90069B89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54D4B029-D57E-1E3D-494C-31B2E2AF67BA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9" name="Freeform 36">
              <a:extLst>
                <a:ext uri="{FF2B5EF4-FFF2-40B4-BE49-F238E27FC236}">
                  <a16:creationId xmlns:a16="http://schemas.microsoft.com/office/drawing/2014/main" id="{B6E26A42-EFAA-0DAC-D5F2-0A1F7E5F066A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0" name="Freeform 37">
              <a:extLst>
                <a:ext uri="{FF2B5EF4-FFF2-40B4-BE49-F238E27FC236}">
                  <a16:creationId xmlns:a16="http://schemas.microsoft.com/office/drawing/2014/main" id="{68E0975B-C43F-3E6C-3929-2262BBA00FD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1" name="Freeform 38">
              <a:extLst>
                <a:ext uri="{FF2B5EF4-FFF2-40B4-BE49-F238E27FC236}">
                  <a16:creationId xmlns:a16="http://schemas.microsoft.com/office/drawing/2014/main" id="{64E1AD34-78B0-B5EC-3ABC-539CD0A04BF1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E5CC24B7-D6D0-EA94-B0AE-540896D88BEC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F1380A9F-521F-0274-943C-BFAEC5702450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4" name="Freeform 44">
              <a:extLst>
                <a:ext uri="{FF2B5EF4-FFF2-40B4-BE49-F238E27FC236}">
                  <a16:creationId xmlns:a16="http://schemas.microsoft.com/office/drawing/2014/main" id="{3585E075-3B27-EFB1-4F09-4121CA88C6AB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5" name="Freeform 45">
              <a:extLst>
                <a:ext uri="{FF2B5EF4-FFF2-40B4-BE49-F238E27FC236}">
                  <a16:creationId xmlns:a16="http://schemas.microsoft.com/office/drawing/2014/main" id="{898794FA-4C0D-395E-1FCA-73F34C83DCEE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6" name="Freeform 46">
              <a:extLst>
                <a:ext uri="{FF2B5EF4-FFF2-40B4-BE49-F238E27FC236}">
                  <a16:creationId xmlns:a16="http://schemas.microsoft.com/office/drawing/2014/main" id="{CA81F5AB-FE55-056F-0C03-5071374267F7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7" name="Freeform 47">
              <a:extLst>
                <a:ext uri="{FF2B5EF4-FFF2-40B4-BE49-F238E27FC236}">
                  <a16:creationId xmlns:a16="http://schemas.microsoft.com/office/drawing/2014/main" id="{E33D2C01-AAC6-28C6-923C-597014B694D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C5769CB7-DC3A-F519-32DD-D1D17D20934A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89" name="Freeform 49">
              <a:extLst>
                <a:ext uri="{FF2B5EF4-FFF2-40B4-BE49-F238E27FC236}">
                  <a16:creationId xmlns:a16="http://schemas.microsoft.com/office/drawing/2014/main" id="{D14EBB9A-70AA-C6A7-15D0-3C69EEEFDCE0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6827DA11-EC03-FC0F-1AEE-AD5319321B98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1" name="Freeform 58">
              <a:extLst>
                <a:ext uri="{FF2B5EF4-FFF2-40B4-BE49-F238E27FC236}">
                  <a16:creationId xmlns:a16="http://schemas.microsoft.com/office/drawing/2014/main" id="{461E36F4-98FA-C20C-9651-FAB7CF8E1372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2" name="Freeform 61">
              <a:extLst>
                <a:ext uri="{FF2B5EF4-FFF2-40B4-BE49-F238E27FC236}">
                  <a16:creationId xmlns:a16="http://schemas.microsoft.com/office/drawing/2014/main" id="{3A3B049B-FCF1-408C-B838-0B06C674ED4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3" name="Freeform 62">
              <a:extLst>
                <a:ext uri="{FF2B5EF4-FFF2-40B4-BE49-F238E27FC236}">
                  <a16:creationId xmlns:a16="http://schemas.microsoft.com/office/drawing/2014/main" id="{90FA45BA-A732-1624-F882-B434A5E0381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4" name="Freeform 63">
              <a:extLst>
                <a:ext uri="{FF2B5EF4-FFF2-40B4-BE49-F238E27FC236}">
                  <a16:creationId xmlns:a16="http://schemas.microsoft.com/office/drawing/2014/main" id="{14781507-3B89-2FAD-D942-C86433C6A2CE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0B463AE9-8E00-B266-1514-6A05EF6FAA2E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6" name="Freeform 65">
              <a:extLst>
                <a:ext uri="{FF2B5EF4-FFF2-40B4-BE49-F238E27FC236}">
                  <a16:creationId xmlns:a16="http://schemas.microsoft.com/office/drawing/2014/main" id="{7FE12038-B89B-7E8F-85A1-2BA2B00F405E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33D5763E-258F-A81C-FB69-5A13EF5FFFE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8" name="Freeform 67">
              <a:extLst>
                <a:ext uri="{FF2B5EF4-FFF2-40B4-BE49-F238E27FC236}">
                  <a16:creationId xmlns:a16="http://schemas.microsoft.com/office/drawing/2014/main" id="{330B0A2A-3417-DADA-22D3-5ED80D828483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966A8126-F264-4489-F10F-980FBBBECF8B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0" name="Freeform 70">
              <a:extLst>
                <a:ext uri="{FF2B5EF4-FFF2-40B4-BE49-F238E27FC236}">
                  <a16:creationId xmlns:a16="http://schemas.microsoft.com/office/drawing/2014/main" id="{2AA297F6-E833-CDD0-A006-5AD526A0D12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1" name="Freeform 71">
              <a:extLst>
                <a:ext uri="{FF2B5EF4-FFF2-40B4-BE49-F238E27FC236}">
                  <a16:creationId xmlns:a16="http://schemas.microsoft.com/office/drawing/2014/main" id="{F041C072-C902-94E2-61EE-5A1147C8EF72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2" name="Dynamic legal" descr="{&quot;templafy&quot;:{&quot;id&quot;:&quot;b5114366-1123-4441-857e-007517c0bcaa&quot;}}">
            <a:extLst>
              <a:ext uri="{FF2B5EF4-FFF2-40B4-BE49-F238E27FC236}">
                <a16:creationId xmlns:a16="http://schemas.microsoft.com/office/drawing/2014/main" id="{D5D0A2EE-767A-A543-64F2-D000F48F4A6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693ca890-1d8c-4571-bb48-17c864090604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8EA46007-C350-9429-A7DE-354B85BF202A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61" name="Logo">
            <a:extLst>
              <a:ext uri="{FF2B5EF4-FFF2-40B4-BE49-F238E27FC236}">
                <a16:creationId xmlns:a16="http://schemas.microsoft.com/office/drawing/2014/main" id="{D171A8D9-C2F0-F2E4-95F5-CC293B3A83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A9B1855-605E-201E-357F-9A2AEB2047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360000"/>
            <a:ext cx="2041200" cy="5572800"/>
          </a:xfrm>
        </p:spPr>
        <p:txBody>
          <a:bodyPr anchor="ctr" anchorCtr="0"/>
          <a:lstStyle>
            <a:lvl1pPr>
              <a:lnSpc>
                <a:spcPct val="83000"/>
              </a:lnSpc>
              <a:defRPr sz="27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Agenda</a:t>
            </a:r>
            <a:endParaRPr lang="en-US"/>
          </a:p>
        </p:txBody>
      </p:sp>
      <p:sp>
        <p:nvSpPr>
          <p:cNvPr id="62" name="Text Placeholder 2">
            <a:extLst>
              <a:ext uri="{FF2B5EF4-FFF2-40B4-BE49-F238E27FC236}">
                <a16:creationId xmlns:a16="http://schemas.microsoft.com/office/drawing/2014/main" id="{C91D10E3-3624-802C-5B1E-5D4C4A56A9F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450313" y="360000"/>
            <a:ext cx="306245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01</a:t>
            </a:r>
            <a:endParaRPr lang="en-US" dirty="0"/>
          </a:p>
          <a:p>
            <a:pPr lvl="1"/>
            <a:r>
              <a:rPr lang="en-US" noProof="0" dirty="0"/>
              <a:t>02</a:t>
            </a:r>
            <a:endParaRPr lang="en-US" dirty="0"/>
          </a:p>
          <a:p>
            <a:pPr lvl="2"/>
            <a:r>
              <a:rPr lang="en-US" noProof="0" dirty="0"/>
              <a:t>03</a:t>
            </a:r>
            <a:endParaRPr lang="en-US" dirty="0"/>
          </a:p>
          <a:p>
            <a:pPr lvl="3"/>
            <a:r>
              <a:rPr lang="en-US" noProof="0" dirty="0"/>
              <a:t>04</a:t>
            </a:r>
            <a:endParaRPr lang="en-US" dirty="0"/>
          </a:p>
          <a:p>
            <a:pPr lvl="4"/>
            <a:r>
              <a:rPr lang="en-US" noProof="0" dirty="0"/>
              <a:t>05</a:t>
            </a:r>
            <a:endParaRPr lang="en-US" dirty="0"/>
          </a:p>
          <a:p>
            <a:pPr lvl="5"/>
            <a:r>
              <a:rPr lang="en-US" noProof="0" dirty="0"/>
              <a:t>06</a:t>
            </a:r>
            <a:endParaRPr lang="en-US" dirty="0"/>
          </a:p>
          <a:p>
            <a:pPr lvl="6"/>
            <a:r>
              <a:rPr lang="en-US" noProof="0" dirty="0"/>
              <a:t>07</a:t>
            </a:r>
            <a:endParaRPr lang="en-US" dirty="0"/>
          </a:p>
          <a:p>
            <a:pPr lvl="7"/>
            <a:r>
              <a:rPr lang="en-US" noProof="0" dirty="0"/>
              <a:t>08</a:t>
            </a:r>
            <a:endParaRPr lang="en-US" dirty="0"/>
          </a:p>
          <a:p>
            <a:pPr lvl="8"/>
            <a:r>
              <a:rPr lang="en-US" noProof="0" dirty="0"/>
              <a:t>09</a:t>
            </a:r>
            <a:endParaRPr lang="en-US" dirty="0"/>
          </a:p>
        </p:txBody>
      </p:sp>
      <p:sp>
        <p:nvSpPr>
          <p:cNvPr id="63" name="Text Placeholder 2">
            <a:extLst>
              <a:ext uri="{FF2B5EF4-FFF2-40B4-BE49-F238E27FC236}">
                <a16:creationId xmlns:a16="http://schemas.microsoft.com/office/drawing/2014/main" id="{1E3BB328-175D-1D81-F46E-4991B53591F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759285" y="360000"/>
            <a:ext cx="6115500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EB1E11BB-A9E1-91FE-9011-CA59BEDA47A4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C4D122AC-15FE-43BF-8F77-FCBC6C433F02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4F49622-75A8-7E62-35DD-A0B334DFC31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626CCFB-F402-A8B9-F724-E21077D40C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43677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. Agend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78E7BD0E-27C8-430D-BAE4-F0A6C08D73C3}"/>
              </a:ext>
            </a:extLst>
          </p:cNvPr>
          <p:cNvSpPr/>
          <p:nvPr userDrawn="1"/>
        </p:nvSpPr>
        <p:spPr>
          <a:xfrm>
            <a:off x="0" y="0"/>
            <a:ext cx="9144900" cy="6861600"/>
          </a:xfrm>
          <a:prstGeom prst="rect">
            <a:avLst/>
          </a:prstGeom>
          <a:solidFill>
            <a:srgbClr val="FF4D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grpSp>
        <p:nvGrpSpPr>
          <p:cNvPr id="157" name="Group 156">
            <a:extLst>
              <a:ext uri="{FF2B5EF4-FFF2-40B4-BE49-F238E27FC236}">
                <a16:creationId xmlns:a16="http://schemas.microsoft.com/office/drawing/2014/main" id="{76C6EA65-F78C-D547-B76F-E5EA1C30C73E}"/>
              </a:ext>
            </a:extLst>
          </p:cNvPr>
          <p:cNvGrpSpPr/>
          <p:nvPr userDrawn="1"/>
        </p:nvGrpSpPr>
        <p:grpSpPr>
          <a:xfrm>
            <a:off x="6055093" y="0"/>
            <a:ext cx="3088908" cy="6858000"/>
            <a:chOff x="8073457" y="0"/>
            <a:chExt cx="4118544" cy="6858000"/>
          </a:xfrm>
          <a:solidFill>
            <a:srgbClr val="FAA163"/>
          </a:solidFill>
        </p:grpSpPr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DC5A59D1-65B9-FE95-8B2C-23827F50656F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74024" y="2852234"/>
              <a:ext cx="217976" cy="482903"/>
            </a:xfrm>
            <a:custGeom>
              <a:avLst/>
              <a:gdLst>
                <a:gd name="connsiteX0" fmla="*/ 217976 w 217976"/>
                <a:gd name="connsiteY0" fmla="*/ 0 h 482903"/>
                <a:gd name="connsiteX1" fmla="*/ 217976 w 217976"/>
                <a:gd name="connsiteY1" fmla="*/ 482903 h 482903"/>
                <a:gd name="connsiteX2" fmla="*/ 195802 w 217976"/>
                <a:gd name="connsiteY2" fmla="*/ 458194 h 482903"/>
                <a:gd name="connsiteX3" fmla="*/ 0 w 217976"/>
                <a:gd name="connsiteY3" fmla="*/ 66430 h 482903"/>
                <a:gd name="connsiteX4" fmla="*/ 209032 w 217976"/>
                <a:gd name="connsiteY4" fmla="*/ 843 h 4829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17976" h="482903">
                  <a:moveTo>
                    <a:pt x="217976" y="0"/>
                  </a:moveTo>
                  <a:lnTo>
                    <a:pt x="217976" y="482903"/>
                  </a:lnTo>
                  <a:lnTo>
                    <a:pt x="195802" y="458194"/>
                  </a:lnTo>
                  <a:cubicBezTo>
                    <a:pt x="103193" y="342866"/>
                    <a:pt x="37044" y="209050"/>
                    <a:pt x="0" y="66430"/>
                  </a:cubicBezTo>
                  <a:cubicBezTo>
                    <a:pt x="67031" y="37378"/>
                    <a:pt x="137150" y="15369"/>
                    <a:pt x="209032" y="8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22" name="Freeform 6">
              <a:extLst>
                <a:ext uri="{FF2B5EF4-FFF2-40B4-BE49-F238E27FC236}">
                  <a16:creationId xmlns:a16="http://schemas.microsoft.com/office/drawing/2014/main" id="{571576F7-D97E-F6F1-72FD-51C3248165CC}"/>
                </a:ext>
              </a:extLst>
            </p:cNvPr>
            <p:cNvSpPr>
              <a:spLocks/>
            </p:cNvSpPr>
            <p:nvPr/>
          </p:nvSpPr>
          <p:spPr bwMode="auto">
            <a:xfrm>
              <a:off x="9987651" y="2322551"/>
              <a:ext cx="990299" cy="565885"/>
            </a:xfrm>
            <a:custGeom>
              <a:avLst/>
              <a:gdLst>
                <a:gd name="T0" fmla="*/ 123 w 281"/>
                <a:gd name="T1" fmla="*/ 146 h 161"/>
                <a:gd name="T2" fmla="*/ 0 w 281"/>
                <a:gd name="T3" fmla="*/ 42 h 161"/>
                <a:gd name="T4" fmla="*/ 158 w 281"/>
                <a:gd name="T5" fmla="*/ 15 h 161"/>
                <a:gd name="T6" fmla="*/ 281 w 281"/>
                <a:gd name="T7" fmla="*/ 119 h 161"/>
                <a:gd name="T8" fmla="*/ 123 w 281"/>
                <a:gd name="T9" fmla="*/ 146 h 1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81" h="161">
                  <a:moveTo>
                    <a:pt x="123" y="146"/>
                  </a:moveTo>
                  <a:cubicBezTo>
                    <a:pt x="66" y="130"/>
                    <a:pt x="23" y="91"/>
                    <a:pt x="0" y="42"/>
                  </a:cubicBezTo>
                  <a:cubicBezTo>
                    <a:pt x="45" y="11"/>
                    <a:pt x="102" y="0"/>
                    <a:pt x="158" y="15"/>
                  </a:cubicBezTo>
                  <a:cubicBezTo>
                    <a:pt x="215" y="31"/>
                    <a:pt x="258" y="70"/>
                    <a:pt x="281" y="119"/>
                  </a:cubicBezTo>
                  <a:cubicBezTo>
                    <a:pt x="236" y="150"/>
                    <a:pt x="179" y="161"/>
                    <a:pt x="123" y="14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5" name="Freeform 8">
              <a:extLst>
                <a:ext uri="{FF2B5EF4-FFF2-40B4-BE49-F238E27FC236}">
                  <a16:creationId xmlns:a16="http://schemas.microsoft.com/office/drawing/2014/main" id="{184AF941-29E0-0949-6D21-8EC1BA3FED07}"/>
                </a:ext>
              </a:extLst>
            </p:cNvPr>
            <p:cNvSpPr>
              <a:spLocks/>
            </p:cNvSpPr>
            <p:nvPr/>
          </p:nvSpPr>
          <p:spPr bwMode="auto">
            <a:xfrm>
              <a:off x="9687385" y="4750661"/>
              <a:ext cx="805521" cy="464834"/>
            </a:xfrm>
            <a:custGeom>
              <a:avLst/>
              <a:gdLst>
                <a:gd name="T0" fmla="*/ 130 w 229"/>
                <a:gd name="T1" fmla="*/ 119 h 132"/>
                <a:gd name="T2" fmla="*/ 0 w 229"/>
                <a:gd name="T3" fmla="*/ 99 h 132"/>
                <a:gd name="T4" fmla="*/ 99 w 229"/>
                <a:gd name="T5" fmla="*/ 13 h 132"/>
                <a:gd name="T6" fmla="*/ 229 w 229"/>
                <a:gd name="T7" fmla="*/ 33 h 132"/>
                <a:gd name="T8" fmla="*/ 130 w 229"/>
                <a:gd name="T9" fmla="*/ 119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9" h="132">
                  <a:moveTo>
                    <a:pt x="130" y="119"/>
                  </a:moveTo>
                  <a:cubicBezTo>
                    <a:pt x="84" y="132"/>
                    <a:pt x="37" y="123"/>
                    <a:pt x="0" y="99"/>
                  </a:cubicBezTo>
                  <a:cubicBezTo>
                    <a:pt x="18" y="58"/>
                    <a:pt x="53" y="26"/>
                    <a:pt x="99" y="13"/>
                  </a:cubicBezTo>
                  <a:cubicBezTo>
                    <a:pt x="145" y="0"/>
                    <a:pt x="192" y="8"/>
                    <a:pt x="229" y="33"/>
                  </a:cubicBezTo>
                  <a:cubicBezTo>
                    <a:pt x="210" y="73"/>
                    <a:pt x="175" y="106"/>
                    <a:pt x="130" y="11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6" name="Freeform 9">
              <a:extLst>
                <a:ext uri="{FF2B5EF4-FFF2-40B4-BE49-F238E27FC236}">
                  <a16:creationId xmlns:a16="http://schemas.microsoft.com/office/drawing/2014/main" id="{F93A74B8-BF09-DF97-4A53-258B756D2BCB}"/>
                </a:ext>
              </a:extLst>
            </p:cNvPr>
            <p:cNvSpPr>
              <a:spLocks/>
            </p:cNvSpPr>
            <p:nvPr/>
          </p:nvSpPr>
          <p:spPr bwMode="auto">
            <a:xfrm>
              <a:off x="8714409" y="4077950"/>
              <a:ext cx="678485" cy="392655"/>
            </a:xfrm>
            <a:custGeom>
              <a:avLst/>
              <a:gdLst>
                <a:gd name="T0" fmla="*/ 110 w 193"/>
                <a:gd name="T1" fmla="*/ 101 h 112"/>
                <a:gd name="T2" fmla="*/ 0 w 193"/>
                <a:gd name="T3" fmla="*/ 84 h 112"/>
                <a:gd name="T4" fmla="*/ 84 w 193"/>
                <a:gd name="T5" fmla="*/ 12 h 112"/>
                <a:gd name="T6" fmla="*/ 193 w 193"/>
                <a:gd name="T7" fmla="*/ 29 h 112"/>
                <a:gd name="T8" fmla="*/ 110 w 193"/>
                <a:gd name="T9" fmla="*/ 101 h 1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93" h="112">
                  <a:moveTo>
                    <a:pt x="110" y="101"/>
                  </a:moveTo>
                  <a:cubicBezTo>
                    <a:pt x="71" y="112"/>
                    <a:pt x="31" y="105"/>
                    <a:pt x="0" y="84"/>
                  </a:cubicBezTo>
                  <a:cubicBezTo>
                    <a:pt x="16" y="50"/>
                    <a:pt x="45" y="23"/>
                    <a:pt x="84" y="12"/>
                  </a:cubicBezTo>
                  <a:cubicBezTo>
                    <a:pt x="123" y="0"/>
                    <a:pt x="162" y="8"/>
                    <a:pt x="193" y="29"/>
                  </a:cubicBezTo>
                  <a:cubicBezTo>
                    <a:pt x="178" y="63"/>
                    <a:pt x="148" y="90"/>
                    <a:pt x="110" y="101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67" name="Freeform 10">
              <a:extLst>
                <a:ext uri="{FF2B5EF4-FFF2-40B4-BE49-F238E27FC236}">
                  <a16:creationId xmlns:a16="http://schemas.microsoft.com/office/drawing/2014/main" id="{316D0062-7586-240D-7CAC-67C403CA4A90}"/>
                </a:ext>
              </a:extLst>
            </p:cNvPr>
            <p:cNvSpPr>
              <a:spLocks/>
            </p:cNvSpPr>
            <p:nvPr/>
          </p:nvSpPr>
          <p:spPr bwMode="auto">
            <a:xfrm>
              <a:off x="9543027" y="6000805"/>
              <a:ext cx="640952" cy="415752"/>
            </a:xfrm>
            <a:custGeom>
              <a:avLst/>
              <a:gdLst>
                <a:gd name="T0" fmla="*/ 110 w 182"/>
                <a:gd name="T1" fmla="*/ 102 h 118"/>
                <a:gd name="T2" fmla="*/ 0 w 182"/>
                <a:gd name="T3" fmla="*/ 100 h 118"/>
                <a:gd name="T4" fmla="*/ 72 w 182"/>
                <a:gd name="T5" fmla="*/ 17 h 118"/>
                <a:gd name="T6" fmla="*/ 182 w 182"/>
                <a:gd name="T7" fmla="*/ 18 h 118"/>
                <a:gd name="T8" fmla="*/ 110 w 182"/>
                <a:gd name="T9" fmla="*/ 102 h 1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82" h="118">
                  <a:moveTo>
                    <a:pt x="110" y="102"/>
                  </a:moveTo>
                  <a:cubicBezTo>
                    <a:pt x="73" y="118"/>
                    <a:pt x="33" y="116"/>
                    <a:pt x="0" y="100"/>
                  </a:cubicBezTo>
                  <a:cubicBezTo>
                    <a:pt x="10" y="64"/>
                    <a:pt x="35" y="33"/>
                    <a:pt x="72" y="17"/>
                  </a:cubicBezTo>
                  <a:cubicBezTo>
                    <a:pt x="108" y="0"/>
                    <a:pt x="149" y="2"/>
                    <a:pt x="182" y="18"/>
                  </a:cubicBezTo>
                  <a:cubicBezTo>
                    <a:pt x="172" y="54"/>
                    <a:pt x="147" y="85"/>
                    <a:pt x="110" y="1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2C44FA81-CE13-D3F2-EE83-CAD8D8E90706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71238" y="5898747"/>
              <a:ext cx="120762" cy="462955"/>
            </a:xfrm>
            <a:custGeom>
              <a:avLst/>
              <a:gdLst>
                <a:gd name="connsiteX0" fmla="*/ 120762 w 120762"/>
                <a:gd name="connsiteY0" fmla="*/ 0 h 462955"/>
                <a:gd name="connsiteX1" fmla="*/ 120762 w 120762"/>
                <a:gd name="connsiteY1" fmla="*/ 436723 h 462955"/>
                <a:gd name="connsiteX2" fmla="*/ 25972 w 120762"/>
                <a:gd name="connsiteY2" fmla="*/ 462955 h 462955"/>
                <a:gd name="connsiteX3" fmla="*/ 64789 w 120762"/>
                <a:gd name="connsiteY3" fmla="*/ 75607 h 46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20762" h="462955">
                  <a:moveTo>
                    <a:pt x="120762" y="0"/>
                  </a:moveTo>
                  <a:lnTo>
                    <a:pt x="120762" y="436723"/>
                  </a:lnTo>
                  <a:lnTo>
                    <a:pt x="25972" y="462955"/>
                  </a:lnTo>
                  <a:cubicBezTo>
                    <a:pt x="-16373" y="339708"/>
                    <a:pt x="-9315" y="198854"/>
                    <a:pt x="64789" y="7560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A43AB788-36AF-8D14-8B4B-61DD024583CB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18838" y="526731"/>
              <a:ext cx="573162" cy="948907"/>
            </a:xfrm>
            <a:custGeom>
              <a:avLst/>
              <a:gdLst>
                <a:gd name="connsiteX0" fmla="*/ 21176 w 573162"/>
                <a:gd name="connsiteY0" fmla="*/ 0 h 948907"/>
                <a:gd name="connsiteX1" fmla="*/ 496522 w 573162"/>
                <a:gd name="connsiteY1" fmla="*/ 188884 h 948907"/>
                <a:gd name="connsiteX2" fmla="*/ 573162 w 573162"/>
                <a:gd name="connsiteY2" fmla="*/ 269994 h 948907"/>
                <a:gd name="connsiteX3" fmla="*/ 573162 w 573162"/>
                <a:gd name="connsiteY3" fmla="*/ 948907 h 948907"/>
                <a:gd name="connsiteX4" fmla="*/ 431370 w 573162"/>
                <a:gd name="connsiteY4" fmla="*/ 893105 h 948907"/>
                <a:gd name="connsiteX5" fmla="*/ 162166 w 573162"/>
                <a:gd name="connsiteY5" fmla="*/ 664554 h 948907"/>
                <a:gd name="connsiteX6" fmla="*/ 21176 w 573162"/>
                <a:gd name="connsiteY6" fmla="*/ 0 h 9489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73162" h="948907">
                  <a:moveTo>
                    <a:pt x="21176" y="0"/>
                  </a:moveTo>
                  <a:cubicBezTo>
                    <a:pt x="193008" y="10549"/>
                    <a:pt x="360874" y="74499"/>
                    <a:pt x="496522" y="188884"/>
                  </a:cubicBezTo>
                  <a:lnTo>
                    <a:pt x="573162" y="269994"/>
                  </a:lnTo>
                  <a:lnTo>
                    <a:pt x="573162" y="948907"/>
                  </a:lnTo>
                  <a:lnTo>
                    <a:pt x="431370" y="893105"/>
                  </a:lnTo>
                  <a:cubicBezTo>
                    <a:pt x="328711" y="839483"/>
                    <a:pt x="236186" y="763007"/>
                    <a:pt x="162166" y="664554"/>
                  </a:cubicBezTo>
                  <a:cubicBezTo>
                    <a:pt x="14127" y="467649"/>
                    <a:pt x="-31695" y="225034"/>
                    <a:pt x="21176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2" name="Freeform 15">
              <a:extLst>
                <a:ext uri="{FF2B5EF4-FFF2-40B4-BE49-F238E27FC236}">
                  <a16:creationId xmlns:a16="http://schemas.microsoft.com/office/drawing/2014/main" id="{20B8FE93-9C2D-F8F6-19F3-4003588E3A03}"/>
                </a:ext>
              </a:extLst>
            </p:cNvPr>
            <p:cNvSpPr>
              <a:spLocks/>
            </p:cNvSpPr>
            <p:nvPr/>
          </p:nvSpPr>
          <p:spPr bwMode="auto">
            <a:xfrm>
              <a:off x="8393933" y="1889475"/>
              <a:ext cx="828618" cy="412865"/>
            </a:xfrm>
            <a:custGeom>
              <a:avLst/>
              <a:gdLst>
                <a:gd name="T0" fmla="*/ 113 w 235"/>
                <a:gd name="T1" fmla="*/ 113 h 117"/>
                <a:gd name="T2" fmla="*/ 0 w 235"/>
                <a:gd name="T3" fmla="*/ 48 h 117"/>
                <a:gd name="T4" fmla="*/ 122 w 235"/>
                <a:gd name="T5" fmla="*/ 4 h 117"/>
                <a:gd name="T6" fmla="*/ 235 w 235"/>
                <a:gd name="T7" fmla="*/ 68 h 117"/>
                <a:gd name="T8" fmla="*/ 113 w 235"/>
                <a:gd name="T9" fmla="*/ 113 h 1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5" h="117">
                  <a:moveTo>
                    <a:pt x="113" y="113"/>
                  </a:moveTo>
                  <a:cubicBezTo>
                    <a:pt x="66" y="109"/>
                    <a:pt x="25" y="84"/>
                    <a:pt x="0" y="48"/>
                  </a:cubicBezTo>
                  <a:cubicBezTo>
                    <a:pt x="31" y="17"/>
                    <a:pt x="75" y="0"/>
                    <a:pt x="122" y="4"/>
                  </a:cubicBezTo>
                  <a:cubicBezTo>
                    <a:pt x="169" y="8"/>
                    <a:pt x="210" y="33"/>
                    <a:pt x="235" y="68"/>
                  </a:cubicBezTo>
                  <a:cubicBezTo>
                    <a:pt x="204" y="99"/>
                    <a:pt x="160" y="117"/>
                    <a:pt x="113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3" name="Freeform 16">
              <a:extLst>
                <a:ext uri="{FF2B5EF4-FFF2-40B4-BE49-F238E27FC236}">
                  <a16:creationId xmlns:a16="http://schemas.microsoft.com/office/drawing/2014/main" id="{E638694B-A601-BB41-C1CE-329666AABAA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5778493"/>
              <a:ext cx="851715" cy="744890"/>
            </a:xfrm>
            <a:custGeom>
              <a:avLst/>
              <a:gdLst>
                <a:gd name="T0" fmla="*/ 165 w 242"/>
                <a:gd name="T1" fmla="*/ 162 h 212"/>
                <a:gd name="T2" fmla="*/ 0 w 242"/>
                <a:gd name="T3" fmla="*/ 200 h 212"/>
                <a:gd name="T4" fmla="*/ 77 w 242"/>
                <a:gd name="T5" fmla="*/ 50 h 212"/>
                <a:gd name="T6" fmla="*/ 242 w 242"/>
                <a:gd name="T7" fmla="*/ 11 h 212"/>
                <a:gd name="T8" fmla="*/ 165 w 242"/>
                <a:gd name="T9" fmla="*/ 162 h 2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2" h="212">
                  <a:moveTo>
                    <a:pt x="165" y="162"/>
                  </a:moveTo>
                  <a:cubicBezTo>
                    <a:pt x="116" y="200"/>
                    <a:pt x="56" y="212"/>
                    <a:pt x="0" y="200"/>
                  </a:cubicBezTo>
                  <a:cubicBezTo>
                    <a:pt x="2" y="143"/>
                    <a:pt x="28" y="88"/>
                    <a:pt x="77" y="50"/>
                  </a:cubicBezTo>
                  <a:cubicBezTo>
                    <a:pt x="125" y="12"/>
                    <a:pt x="186" y="0"/>
                    <a:pt x="242" y="11"/>
                  </a:cubicBezTo>
                  <a:cubicBezTo>
                    <a:pt x="239" y="68"/>
                    <a:pt x="213" y="124"/>
                    <a:pt x="165" y="16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74" name="Freeform 17">
              <a:extLst>
                <a:ext uri="{FF2B5EF4-FFF2-40B4-BE49-F238E27FC236}">
                  <a16:creationId xmlns:a16="http://schemas.microsoft.com/office/drawing/2014/main" id="{EAF5B0EB-26C4-DB85-989A-2D4E9B8577B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55373" y="3425450"/>
              <a:ext cx="857490" cy="398429"/>
            </a:xfrm>
            <a:custGeom>
              <a:avLst/>
              <a:gdLst>
                <a:gd name="T0" fmla="*/ 121 w 243"/>
                <a:gd name="T1" fmla="*/ 113 h 113"/>
                <a:gd name="T2" fmla="*/ 0 w 243"/>
                <a:gd name="T3" fmla="*/ 56 h 113"/>
                <a:gd name="T4" fmla="*/ 122 w 243"/>
                <a:gd name="T5" fmla="*/ 0 h 113"/>
                <a:gd name="T6" fmla="*/ 243 w 243"/>
                <a:gd name="T7" fmla="*/ 57 h 113"/>
                <a:gd name="T8" fmla="*/ 121 w 243"/>
                <a:gd name="T9" fmla="*/ 113 h 1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43" h="113">
                  <a:moveTo>
                    <a:pt x="121" y="113"/>
                  </a:moveTo>
                  <a:cubicBezTo>
                    <a:pt x="72" y="112"/>
                    <a:pt x="29" y="90"/>
                    <a:pt x="0" y="56"/>
                  </a:cubicBezTo>
                  <a:cubicBezTo>
                    <a:pt x="29" y="21"/>
                    <a:pt x="73" y="0"/>
                    <a:pt x="122" y="0"/>
                  </a:cubicBezTo>
                  <a:cubicBezTo>
                    <a:pt x="170" y="0"/>
                    <a:pt x="214" y="23"/>
                    <a:pt x="243" y="57"/>
                  </a:cubicBezTo>
                  <a:cubicBezTo>
                    <a:pt x="213" y="91"/>
                    <a:pt x="170" y="113"/>
                    <a:pt x="121" y="11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5082D940-BED7-B171-9AB8-B97B802B339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336229" y="6558227"/>
              <a:ext cx="513340" cy="299773"/>
            </a:xfrm>
            <a:custGeom>
              <a:avLst/>
              <a:gdLst>
                <a:gd name="connsiteX0" fmla="*/ 447209 w 513340"/>
                <a:gd name="connsiteY0" fmla="*/ 449 h 299773"/>
                <a:gd name="connsiteX1" fmla="*/ 503469 w 513340"/>
                <a:gd name="connsiteY1" fmla="*/ 42849 h 299773"/>
                <a:gd name="connsiteX2" fmla="*/ 505666 w 513340"/>
                <a:gd name="connsiteY2" fmla="*/ 264566 h 299773"/>
                <a:gd name="connsiteX3" fmla="*/ 496268 w 513340"/>
                <a:gd name="connsiteY3" fmla="*/ 299773 h 299773"/>
                <a:gd name="connsiteX4" fmla="*/ 0 w 513340"/>
                <a:gd name="connsiteY4" fmla="*/ 299773 h 299773"/>
                <a:gd name="connsiteX5" fmla="*/ 74490 w 513340"/>
                <a:gd name="connsiteY5" fmla="*/ 180649 h 299773"/>
                <a:gd name="connsiteX6" fmla="*/ 447209 w 513340"/>
                <a:gd name="connsiteY6" fmla="*/ 449 h 2997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13340" h="299773">
                  <a:moveTo>
                    <a:pt x="447209" y="449"/>
                  </a:moveTo>
                  <a:cubicBezTo>
                    <a:pt x="475339" y="-3085"/>
                    <a:pt x="499952" y="14582"/>
                    <a:pt x="503469" y="42849"/>
                  </a:cubicBezTo>
                  <a:cubicBezTo>
                    <a:pt x="515775" y="125883"/>
                    <a:pt x="516654" y="198316"/>
                    <a:pt x="505666" y="264566"/>
                  </a:cubicBezTo>
                  <a:lnTo>
                    <a:pt x="496268" y="299773"/>
                  </a:lnTo>
                  <a:lnTo>
                    <a:pt x="0" y="299773"/>
                  </a:lnTo>
                  <a:lnTo>
                    <a:pt x="74490" y="180649"/>
                  </a:lnTo>
                  <a:cubicBezTo>
                    <a:pt x="179976" y="56982"/>
                    <a:pt x="303044" y="11049"/>
                    <a:pt x="447209" y="4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79" name="Freeform 22">
              <a:extLst>
                <a:ext uri="{FF2B5EF4-FFF2-40B4-BE49-F238E27FC236}">
                  <a16:creationId xmlns:a16="http://schemas.microsoft.com/office/drawing/2014/main" id="{D62C1ECE-7B89-F0B0-2B48-9AF4A0677FD0}"/>
                </a:ext>
              </a:extLst>
            </p:cNvPr>
            <p:cNvSpPr>
              <a:spLocks/>
            </p:cNvSpPr>
            <p:nvPr/>
          </p:nvSpPr>
          <p:spPr bwMode="auto">
            <a:xfrm>
              <a:off x="9401555" y="3662198"/>
              <a:ext cx="1102899" cy="545675"/>
            </a:xfrm>
            <a:custGeom>
              <a:avLst/>
              <a:gdLst>
                <a:gd name="T0" fmla="*/ 196 w 313"/>
                <a:gd name="T1" fmla="*/ 149 h 155"/>
                <a:gd name="T2" fmla="*/ 0 w 313"/>
                <a:gd name="T3" fmla="*/ 78 h 155"/>
                <a:gd name="T4" fmla="*/ 185 w 313"/>
                <a:gd name="T5" fmla="*/ 6 h 155"/>
                <a:gd name="T6" fmla="*/ 309 w 313"/>
                <a:gd name="T7" fmla="*/ 56 h 155"/>
                <a:gd name="T8" fmla="*/ 312 w 313"/>
                <a:gd name="T9" fmla="*/ 69 h 155"/>
                <a:gd name="T10" fmla="*/ 196 w 313"/>
                <a:gd name="T11" fmla="*/ 149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3" h="155">
                  <a:moveTo>
                    <a:pt x="196" y="149"/>
                  </a:moveTo>
                  <a:cubicBezTo>
                    <a:pt x="145" y="155"/>
                    <a:pt x="50" y="132"/>
                    <a:pt x="0" y="78"/>
                  </a:cubicBezTo>
                  <a:cubicBezTo>
                    <a:pt x="65" y="64"/>
                    <a:pt x="125" y="13"/>
                    <a:pt x="185" y="6"/>
                  </a:cubicBezTo>
                  <a:cubicBezTo>
                    <a:pt x="236" y="0"/>
                    <a:pt x="277" y="21"/>
                    <a:pt x="309" y="56"/>
                  </a:cubicBezTo>
                  <a:cubicBezTo>
                    <a:pt x="312" y="59"/>
                    <a:pt x="313" y="64"/>
                    <a:pt x="312" y="69"/>
                  </a:cubicBezTo>
                  <a:cubicBezTo>
                    <a:pt x="295" y="106"/>
                    <a:pt x="249" y="143"/>
                    <a:pt x="196" y="149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2" name="Freeform 25">
              <a:extLst>
                <a:ext uri="{FF2B5EF4-FFF2-40B4-BE49-F238E27FC236}">
                  <a16:creationId xmlns:a16="http://schemas.microsoft.com/office/drawing/2014/main" id="{55B26BF5-0986-727F-21C6-B33CBE8B8AA7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85295" y="1941444"/>
              <a:ext cx="1296339" cy="814182"/>
            </a:xfrm>
            <a:custGeom>
              <a:avLst/>
              <a:gdLst>
                <a:gd name="T0" fmla="*/ 171 w 368"/>
                <a:gd name="T1" fmla="*/ 203 h 231"/>
                <a:gd name="T2" fmla="*/ 0 w 368"/>
                <a:gd name="T3" fmla="*/ 13 h 231"/>
                <a:gd name="T4" fmla="*/ 257 w 368"/>
                <a:gd name="T5" fmla="*/ 34 h 231"/>
                <a:gd name="T6" fmla="*/ 366 w 368"/>
                <a:gd name="T7" fmla="*/ 171 h 231"/>
                <a:gd name="T8" fmla="*/ 355 w 368"/>
                <a:gd name="T9" fmla="*/ 196 h 231"/>
                <a:gd name="T10" fmla="*/ 171 w 368"/>
                <a:gd name="T11" fmla="*/ 203 h 2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68" h="231">
                  <a:moveTo>
                    <a:pt x="171" y="203"/>
                  </a:moveTo>
                  <a:cubicBezTo>
                    <a:pt x="108" y="174"/>
                    <a:pt x="64" y="85"/>
                    <a:pt x="0" y="13"/>
                  </a:cubicBezTo>
                  <a:cubicBezTo>
                    <a:pt x="91" y="8"/>
                    <a:pt x="182" y="0"/>
                    <a:pt x="257" y="34"/>
                  </a:cubicBezTo>
                  <a:cubicBezTo>
                    <a:pt x="317" y="62"/>
                    <a:pt x="351" y="112"/>
                    <a:pt x="366" y="171"/>
                  </a:cubicBezTo>
                  <a:cubicBezTo>
                    <a:pt x="368" y="181"/>
                    <a:pt x="364" y="191"/>
                    <a:pt x="355" y="196"/>
                  </a:cubicBezTo>
                  <a:cubicBezTo>
                    <a:pt x="309" y="224"/>
                    <a:pt x="234" y="231"/>
                    <a:pt x="171" y="203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3" name="Freeform 26">
              <a:extLst>
                <a:ext uri="{FF2B5EF4-FFF2-40B4-BE49-F238E27FC236}">
                  <a16:creationId xmlns:a16="http://schemas.microsoft.com/office/drawing/2014/main" id="{379C169B-AEA9-1ED6-AD21-B9471572E6AC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6102" y="1231201"/>
              <a:ext cx="987412" cy="640952"/>
            </a:xfrm>
            <a:custGeom>
              <a:avLst/>
              <a:gdLst>
                <a:gd name="T0" fmla="*/ 133 w 280"/>
                <a:gd name="T1" fmla="*/ 160 h 182"/>
                <a:gd name="T2" fmla="*/ 0 w 280"/>
                <a:gd name="T3" fmla="*/ 7 h 182"/>
                <a:gd name="T4" fmla="*/ 207 w 280"/>
                <a:gd name="T5" fmla="*/ 24 h 182"/>
                <a:gd name="T6" fmla="*/ 280 w 280"/>
                <a:gd name="T7" fmla="*/ 137 h 182"/>
                <a:gd name="T8" fmla="*/ 271 w 280"/>
                <a:gd name="T9" fmla="*/ 154 h 182"/>
                <a:gd name="T10" fmla="*/ 133 w 280"/>
                <a:gd name="T11" fmla="*/ 160 h 18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0" h="182">
                  <a:moveTo>
                    <a:pt x="133" y="160"/>
                  </a:moveTo>
                  <a:cubicBezTo>
                    <a:pt x="73" y="135"/>
                    <a:pt x="17" y="81"/>
                    <a:pt x="0" y="7"/>
                  </a:cubicBezTo>
                  <a:cubicBezTo>
                    <a:pt x="76" y="16"/>
                    <a:pt x="162" y="0"/>
                    <a:pt x="207" y="24"/>
                  </a:cubicBezTo>
                  <a:cubicBezTo>
                    <a:pt x="255" y="50"/>
                    <a:pt x="274" y="88"/>
                    <a:pt x="280" y="137"/>
                  </a:cubicBezTo>
                  <a:cubicBezTo>
                    <a:pt x="280" y="144"/>
                    <a:pt x="277" y="150"/>
                    <a:pt x="271" y="154"/>
                  </a:cubicBezTo>
                  <a:cubicBezTo>
                    <a:pt x="239" y="171"/>
                    <a:pt x="184" y="182"/>
                    <a:pt x="133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4" name="Freeform 27">
              <a:extLst>
                <a:ext uri="{FF2B5EF4-FFF2-40B4-BE49-F238E27FC236}">
                  <a16:creationId xmlns:a16="http://schemas.microsoft.com/office/drawing/2014/main" id="{E4ED6652-E0E5-0230-3E0F-9AC9F38AAEE5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36745" y="1436190"/>
              <a:ext cx="649613" cy="534126"/>
            </a:xfrm>
            <a:custGeom>
              <a:avLst/>
              <a:gdLst>
                <a:gd name="T0" fmla="*/ 58 w 185"/>
                <a:gd name="T1" fmla="*/ 126 h 152"/>
                <a:gd name="T2" fmla="*/ 0 w 185"/>
                <a:gd name="T3" fmla="*/ 4 h 152"/>
                <a:gd name="T4" fmla="*/ 147 w 185"/>
                <a:gd name="T5" fmla="*/ 35 h 152"/>
                <a:gd name="T6" fmla="*/ 184 w 185"/>
                <a:gd name="T7" fmla="*/ 122 h 152"/>
                <a:gd name="T8" fmla="*/ 177 w 185"/>
                <a:gd name="T9" fmla="*/ 135 h 152"/>
                <a:gd name="T10" fmla="*/ 58 w 185"/>
                <a:gd name="T11" fmla="*/ 126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5" h="152">
                  <a:moveTo>
                    <a:pt x="58" y="126"/>
                  </a:moveTo>
                  <a:cubicBezTo>
                    <a:pt x="29" y="102"/>
                    <a:pt x="21" y="54"/>
                    <a:pt x="0" y="4"/>
                  </a:cubicBezTo>
                  <a:cubicBezTo>
                    <a:pt x="52" y="0"/>
                    <a:pt x="115" y="5"/>
                    <a:pt x="147" y="35"/>
                  </a:cubicBezTo>
                  <a:cubicBezTo>
                    <a:pt x="177" y="62"/>
                    <a:pt x="178" y="89"/>
                    <a:pt x="184" y="122"/>
                  </a:cubicBezTo>
                  <a:cubicBezTo>
                    <a:pt x="185" y="127"/>
                    <a:pt x="182" y="132"/>
                    <a:pt x="177" y="135"/>
                  </a:cubicBezTo>
                  <a:cubicBezTo>
                    <a:pt x="145" y="150"/>
                    <a:pt x="88" y="152"/>
                    <a:pt x="58" y="12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86" name="Freeform 29">
              <a:extLst>
                <a:ext uri="{FF2B5EF4-FFF2-40B4-BE49-F238E27FC236}">
                  <a16:creationId xmlns:a16="http://schemas.microsoft.com/office/drawing/2014/main" id="{3E8A3535-5AC6-2AB3-9DBA-F552E5185393}"/>
                </a:ext>
              </a:extLst>
            </p:cNvPr>
            <p:cNvSpPr>
              <a:spLocks/>
            </p:cNvSpPr>
            <p:nvPr/>
          </p:nvSpPr>
          <p:spPr bwMode="auto">
            <a:xfrm>
              <a:off x="9664288" y="324629"/>
              <a:ext cx="1019171" cy="822843"/>
            </a:xfrm>
            <a:custGeom>
              <a:avLst/>
              <a:gdLst>
                <a:gd name="T0" fmla="*/ 129 w 289"/>
                <a:gd name="T1" fmla="*/ 202 h 233"/>
                <a:gd name="T2" fmla="*/ 0 w 289"/>
                <a:gd name="T3" fmla="*/ 0 h 233"/>
                <a:gd name="T4" fmla="*/ 236 w 289"/>
                <a:gd name="T5" fmla="*/ 80 h 233"/>
                <a:gd name="T6" fmla="*/ 288 w 289"/>
                <a:gd name="T7" fmla="*/ 214 h 233"/>
                <a:gd name="T8" fmla="*/ 276 w 289"/>
                <a:gd name="T9" fmla="*/ 226 h 233"/>
                <a:gd name="T10" fmla="*/ 129 w 289"/>
                <a:gd name="T11" fmla="*/ 202 h 23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89" h="233">
                  <a:moveTo>
                    <a:pt x="129" y="202"/>
                  </a:moveTo>
                  <a:cubicBezTo>
                    <a:pt x="54" y="147"/>
                    <a:pt x="26" y="69"/>
                    <a:pt x="0" y="0"/>
                  </a:cubicBezTo>
                  <a:cubicBezTo>
                    <a:pt x="107" y="10"/>
                    <a:pt x="184" y="30"/>
                    <a:pt x="236" y="80"/>
                  </a:cubicBezTo>
                  <a:cubicBezTo>
                    <a:pt x="279" y="121"/>
                    <a:pt x="289" y="176"/>
                    <a:pt x="288" y="214"/>
                  </a:cubicBezTo>
                  <a:cubicBezTo>
                    <a:pt x="287" y="221"/>
                    <a:pt x="283" y="226"/>
                    <a:pt x="276" y="226"/>
                  </a:cubicBezTo>
                  <a:cubicBezTo>
                    <a:pt x="228" y="233"/>
                    <a:pt x="161" y="225"/>
                    <a:pt x="129" y="20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7D196F45-F443-947F-FCC9-1C28065CEB3E}"/>
                </a:ext>
              </a:extLst>
            </p:cNvPr>
            <p:cNvSpPr>
              <a:spLocks/>
            </p:cNvSpPr>
            <p:nvPr/>
          </p:nvSpPr>
          <p:spPr bwMode="auto">
            <a:xfrm>
              <a:off x="12012196" y="6572978"/>
              <a:ext cx="179805" cy="285022"/>
            </a:xfrm>
            <a:custGeom>
              <a:avLst/>
              <a:gdLst>
                <a:gd name="connsiteX0" fmla="*/ 179805 w 179805"/>
                <a:gd name="connsiteY0" fmla="*/ 0 h 285022"/>
                <a:gd name="connsiteX1" fmla="*/ 179805 w 179805"/>
                <a:gd name="connsiteY1" fmla="*/ 285022 h 285022"/>
                <a:gd name="connsiteX2" fmla="*/ 0 w 179805"/>
                <a:gd name="connsiteY2" fmla="*/ 285022 h 285022"/>
                <a:gd name="connsiteX3" fmla="*/ 67533 w 179805"/>
                <a:gd name="connsiteY3" fmla="*/ 130559 h 285022"/>
                <a:gd name="connsiteX4" fmla="*/ 143082 w 179805"/>
                <a:gd name="connsiteY4" fmla="*/ 31411 h 285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9805" h="285022">
                  <a:moveTo>
                    <a:pt x="179805" y="0"/>
                  </a:moveTo>
                  <a:lnTo>
                    <a:pt x="179805" y="285022"/>
                  </a:lnTo>
                  <a:lnTo>
                    <a:pt x="0" y="285022"/>
                  </a:lnTo>
                  <a:lnTo>
                    <a:pt x="67533" y="130559"/>
                  </a:lnTo>
                  <a:cubicBezTo>
                    <a:pt x="86958" y="97013"/>
                    <a:pt x="112785" y="63247"/>
                    <a:pt x="143082" y="3141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93" name="Freeform 36">
              <a:extLst>
                <a:ext uri="{FF2B5EF4-FFF2-40B4-BE49-F238E27FC236}">
                  <a16:creationId xmlns:a16="http://schemas.microsoft.com/office/drawing/2014/main" id="{B5607FFE-826E-9DC2-2052-5E2BFC9F48B2}"/>
                </a:ext>
              </a:extLst>
            </p:cNvPr>
            <p:cNvSpPr>
              <a:spLocks/>
            </p:cNvSpPr>
            <p:nvPr/>
          </p:nvSpPr>
          <p:spPr bwMode="auto">
            <a:xfrm>
              <a:off x="8968480" y="4369554"/>
              <a:ext cx="926782" cy="516803"/>
            </a:xfrm>
            <a:custGeom>
              <a:avLst/>
              <a:gdLst>
                <a:gd name="T0" fmla="*/ 179 w 263"/>
                <a:gd name="T1" fmla="*/ 132 h 147"/>
                <a:gd name="T2" fmla="*/ 0 w 263"/>
                <a:gd name="T3" fmla="*/ 112 h 147"/>
                <a:gd name="T4" fmla="*/ 148 w 263"/>
                <a:gd name="T5" fmla="*/ 13 h 147"/>
                <a:gd name="T6" fmla="*/ 257 w 263"/>
                <a:gd name="T7" fmla="*/ 40 h 147"/>
                <a:gd name="T8" fmla="*/ 261 w 263"/>
                <a:gd name="T9" fmla="*/ 54 h 147"/>
                <a:gd name="T10" fmla="*/ 179 w 263"/>
                <a:gd name="T11" fmla="*/ 132 h 1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3" h="147">
                  <a:moveTo>
                    <a:pt x="179" y="132"/>
                  </a:moveTo>
                  <a:cubicBezTo>
                    <a:pt x="141" y="143"/>
                    <a:pt x="54" y="147"/>
                    <a:pt x="0" y="112"/>
                  </a:cubicBezTo>
                  <a:cubicBezTo>
                    <a:pt x="57" y="81"/>
                    <a:pt x="106" y="26"/>
                    <a:pt x="148" y="13"/>
                  </a:cubicBezTo>
                  <a:cubicBezTo>
                    <a:pt x="190" y="0"/>
                    <a:pt x="225" y="13"/>
                    <a:pt x="257" y="40"/>
                  </a:cubicBezTo>
                  <a:cubicBezTo>
                    <a:pt x="261" y="44"/>
                    <a:pt x="263" y="49"/>
                    <a:pt x="261" y="54"/>
                  </a:cubicBezTo>
                  <a:cubicBezTo>
                    <a:pt x="250" y="87"/>
                    <a:pt x="218" y="120"/>
                    <a:pt x="179" y="13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4" name="Freeform 37">
              <a:extLst>
                <a:ext uri="{FF2B5EF4-FFF2-40B4-BE49-F238E27FC236}">
                  <a16:creationId xmlns:a16="http://schemas.microsoft.com/office/drawing/2014/main" id="{B97464D2-BCA8-AD85-E06C-0F7A9969287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908658" y="5296336"/>
              <a:ext cx="666936" cy="545675"/>
            </a:xfrm>
            <a:custGeom>
              <a:avLst/>
              <a:gdLst>
                <a:gd name="T0" fmla="*/ 128 w 189"/>
                <a:gd name="T1" fmla="*/ 107 h 155"/>
                <a:gd name="T2" fmla="*/ 0 w 189"/>
                <a:gd name="T3" fmla="*/ 155 h 155"/>
                <a:gd name="T4" fmla="*/ 50 w 189"/>
                <a:gd name="T5" fmla="*/ 36 h 155"/>
                <a:gd name="T6" fmla="*/ 173 w 189"/>
                <a:gd name="T7" fmla="*/ 7 h 155"/>
                <a:gd name="T8" fmla="*/ 181 w 189"/>
                <a:gd name="T9" fmla="*/ 15 h 155"/>
                <a:gd name="T10" fmla="*/ 128 w 189"/>
                <a:gd name="T11" fmla="*/ 107 h 1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9" h="155">
                  <a:moveTo>
                    <a:pt x="128" y="107"/>
                  </a:moveTo>
                  <a:cubicBezTo>
                    <a:pt x="83" y="130"/>
                    <a:pt x="49" y="136"/>
                    <a:pt x="0" y="155"/>
                  </a:cubicBezTo>
                  <a:cubicBezTo>
                    <a:pt x="6" y="105"/>
                    <a:pt x="21" y="60"/>
                    <a:pt x="50" y="36"/>
                  </a:cubicBezTo>
                  <a:cubicBezTo>
                    <a:pt x="86" y="6"/>
                    <a:pt x="134" y="0"/>
                    <a:pt x="173" y="7"/>
                  </a:cubicBezTo>
                  <a:cubicBezTo>
                    <a:pt x="177" y="8"/>
                    <a:pt x="180" y="11"/>
                    <a:pt x="181" y="15"/>
                  </a:cubicBezTo>
                  <a:cubicBezTo>
                    <a:pt x="189" y="54"/>
                    <a:pt x="168" y="87"/>
                    <a:pt x="128" y="10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95" name="Freeform 38">
              <a:extLst>
                <a:ext uri="{FF2B5EF4-FFF2-40B4-BE49-F238E27FC236}">
                  <a16:creationId xmlns:a16="http://schemas.microsoft.com/office/drawing/2014/main" id="{1B44240F-8DA5-5B57-1037-572D88E30493}"/>
                </a:ext>
              </a:extLst>
            </p:cNvPr>
            <p:cNvSpPr>
              <a:spLocks/>
            </p:cNvSpPr>
            <p:nvPr/>
          </p:nvSpPr>
          <p:spPr bwMode="auto">
            <a:xfrm>
              <a:off x="9254310" y="1710471"/>
              <a:ext cx="944105" cy="519691"/>
            </a:xfrm>
            <a:custGeom>
              <a:avLst/>
              <a:gdLst>
                <a:gd name="T0" fmla="*/ 144 w 268"/>
                <a:gd name="T1" fmla="*/ 130 h 148"/>
                <a:gd name="T2" fmla="*/ 0 w 268"/>
                <a:gd name="T3" fmla="*/ 58 h 148"/>
                <a:gd name="T4" fmla="*/ 142 w 268"/>
                <a:gd name="T5" fmla="*/ 6 h 148"/>
                <a:gd name="T6" fmla="*/ 265 w 268"/>
                <a:gd name="T7" fmla="*/ 88 h 148"/>
                <a:gd name="T8" fmla="*/ 265 w 268"/>
                <a:gd name="T9" fmla="*/ 101 h 148"/>
                <a:gd name="T10" fmla="*/ 144 w 268"/>
                <a:gd name="T11" fmla="*/ 130 h 1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8" h="148">
                  <a:moveTo>
                    <a:pt x="144" y="130"/>
                  </a:moveTo>
                  <a:cubicBezTo>
                    <a:pt x="88" y="109"/>
                    <a:pt x="56" y="85"/>
                    <a:pt x="0" y="58"/>
                  </a:cubicBezTo>
                  <a:cubicBezTo>
                    <a:pt x="48" y="24"/>
                    <a:pt x="99" y="0"/>
                    <a:pt x="142" y="6"/>
                  </a:cubicBezTo>
                  <a:cubicBezTo>
                    <a:pt x="197" y="13"/>
                    <a:pt x="240" y="49"/>
                    <a:pt x="265" y="88"/>
                  </a:cubicBezTo>
                  <a:cubicBezTo>
                    <a:pt x="268" y="92"/>
                    <a:pt x="268" y="98"/>
                    <a:pt x="265" y="101"/>
                  </a:cubicBezTo>
                  <a:cubicBezTo>
                    <a:pt x="238" y="139"/>
                    <a:pt x="193" y="148"/>
                    <a:pt x="144" y="13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AE4BAD2B-408C-FBD1-3461-3D5D4F21490E}"/>
                </a:ext>
              </a:extLst>
            </p:cNvPr>
            <p:cNvSpPr>
              <a:spLocks/>
            </p:cNvSpPr>
            <p:nvPr/>
          </p:nvSpPr>
          <p:spPr bwMode="auto">
            <a:xfrm>
              <a:off x="11502945" y="0"/>
              <a:ext cx="642569" cy="333538"/>
            </a:xfrm>
            <a:custGeom>
              <a:avLst/>
              <a:gdLst>
                <a:gd name="connsiteX0" fmla="*/ 0 w 642569"/>
                <a:gd name="connsiteY0" fmla="*/ 0 h 333538"/>
                <a:gd name="connsiteX1" fmla="*/ 626864 w 642569"/>
                <a:gd name="connsiteY1" fmla="*/ 0 h 333538"/>
                <a:gd name="connsiteX2" fmla="*/ 640881 w 642569"/>
                <a:gd name="connsiteY2" fmla="*/ 48961 h 333538"/>
                <a:gd name="connsiteX3" fmla="*/ 560636 w 642569"/>
                <a:gd name="connsiteY3" fmla="*/ 311547 h 333538"/>
                <a:gd name="connsiteX4" fmla="*/ 504200 w 642569"/>
                <a:gd name="connsiteY4" fmla="*/ 332659 h 333538"/>
                <a:gd name="connsiteX5" fmla="*/ 17439 w 642569"/>
                <a:gd name="connsiteY5" fmla="*/ 54679 h 3335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642569" h="333538">
                  <a:moveTo>
                    <a:pt x="0" y="0"/>
                  </a:moveTo>
                  <a:lnTo>
                    <a:pt x="626864" y="0"/>
                  </a:lnTo>
                  <a:lnTo>
                    <a:pt x="640881" y="48961"/>
                  </a:lnTo>
                  <a:cubicBezTo>
                    <a:pt x="649699" y="139129"/>
                    <a:pt x="624127" y="228856"/>
                    <a:pt x="560636" y="311547"/>
                  </a:cubicBezTo>
                  <a:cubicBezTo>
                    <a:pt x="546527" y="329141"/>
                    <a:pt x="525363" y="336178"/>
                    <a:pt x="504200" y="332659"/>
                  </a:cubicBezTo>
                  <a:cubicBezTo>
                    <a:pt x="296092" y="293953"/>
                    <a:pt x="112675" y="265803"/>
                    <a:pt x="17439" y="5467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CD32F4A9-3A2D-5111-4855-112D742DEA8B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84033" y="6730342"/>
              <a:ext cx="344354" cy="127658"/>
            </a:xfrm>
            <a:custGeom>
              <a:avLst/>
              <a:gdLst>
                <a:gd name="connsiteX0" fmla="*/ 233176 w 344354"/>
                <a:gd name="connsiteY0" fmla="*/ 606 h 127658"/>
                <a:gd name="connsiteX1" fmla="*/ 312557 w 344354"/>
                <a:gd name="connsiteY1" fmla="*/ 2803 h 127658"/>
                <a:gd name="connsiteX2" fmla="*/ 344354 w 344354"/>
                <a:gd name="connsiteY2" fmla="*/ 34444 h 127658"/>
                <a:gd name="connsiteX3" fmla="*/ 343530 w 344354"/>
                <a:gd name="connsiteY3" fmla="*/ 127658 h 127658"/>
                <a:gd name="connsiteX4" fmla="*/ 0 w 344354"/>
                <a:gd name="connsiteY4" fmla="*/ 127658 h 127658"/>
                <a:gd name="connsiteX5" fmla="*/ 33451 w 344354"/>
                <a:gd name="connsiteY5" fmla="*/ 83664 h 127658"/>
                <a:gd name="connsiteX6" fmla="*/ 233176 w 344354"/>
                <a:gd name="connsiteY6" fmla="*/ 606 h 12765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44354" h="127658">
                  <a:moveTo>
                    <a:pt x="233176" y="606"/>
                  </a:moveTo>
                  <a:cubicBezTo>
                    <a:pt x="258679" y="-712"/>
                    <a:pt x="285177" y="167"/>
                    <a:pt x="312557" y="2803"/>
                  </a:cubicBezTo>
                  <a:cubicBezTo>
                    <a:pt x="330222" y="2803"/>
                    <a:pt x="344354" y="16866"/>
                    <a:pt x="344354" y="34444"/>
                  </a:cubicBezTo>
                  <a:lnTo>
                    <a:pt x="343530" y="127658"/>
                  </a:lnTo>
                  <a:lnTo>
                    <a:pt x="0" y="127658"/>
                  </a:lnTo>
                  <a:lnTo>
                    <a:pt x="33451" y="83664"/>
                  </a:lnTo>
                  <a:cubicBezTo>
                    <a:pt x="89096" y="28292"/>
                    <a:pt x="156664" y="4561"/>
                    <a:pt x="233176" y="60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1" name="Freeform 44">
              <a:extLst>
                <a:ext uri="{FF2B5EF4-FFF2-40B4-BE49-F238E27FC236}">
                  <a16:creationId xmlns:a16="http://schemas.microsoft.com/office/drawing/2014/main" id="{C37C762A-362D-8633-E83E-61AF22C5DBA4}"/>
                </a:ext>
              </a:extLst>
            </p:cNvPr>
            <p:cNvSpPr>
              <a:spLocks/>
            </p:cNvSpPr>
            <p:nvPr/>
          </p:nvSpPr>
          <p:spPr bwMode="auto">
            <a:xfrm>
              <a:off x="8572937" y="2937518"/>
              <a:ext cx="606306" cy="303153"/>
            </a:xfrm>
            <a:custGeom>
              <a:avLst/>
              <a:gdLst>
                <a:gd name="T0" fmla="*/ 96 w 172"/>
                <a:gd name="T1" fmla="*/ 0 h 86"/>
                <a:gd name="T2" fmla="*/ 0 w 172"/>
                <a:gd name="T3" fmla="*/ 45 h 86"/>
                <a:gd name="T4" fmla="*/ 99 w 172"/>
                <a:gd name="T5" fmla="*/ 85 h 86"/>
                <a:gd name="T6" fmla="*/ 168 w 172"/>
                <a:gd name="T7" fmla="*/ 46 h 86"/>
                <a:gd name="T8" fmla="*/ 167 w 172"/>
                <a:gd name="T9" fmla="*/ 29 h 86"/>
                <a:gd name="T10" fmla="*/ 96 w 172"/>
                <a:gd name="T11" fmla="*/ 0 h 8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72" h="86">
                  <a:moveTo>
                    <a:pt x="96" y="0"/>
                  </a:moveTo>
                  <a:cubicBezTo>
                    <a:pt x="67" y="0"/>
                    <a:pt x="31" y="14"/>
                    <a:pt x="0" y="45"/>
                  </a:cubicBezTo>
                  <a:cubicBezTo>
                    <a:pt x="31" y="61"/>
                    <a:pt x="66" y="84"/>
                    <a:pt x="99" y="85"/>
                  </a:cubicBezTo>
                  <a:cubicBezTo>
                    <a:pt x="130" y="86"/>
                    <a:pt x="151" y="68"/>
                    <a:pt x="168" y="46"/>
                  </a:cubicBezTo>
                  <a:cubicBezTo>
                    <a:pt x="172" y="41"/>
                    <a:pt x="172" y="34"/>
                    <a:pt x="167" y="29"/>
                  </a:cubicBezTo>
                  <a:cubicBezTo>
                    <a:pt x="151" y="13"/>
                    <a:pt x="124" y="0"/>
                    <a:pt x="96" y="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2" name="Freeform 45">
              <a:extLst>
                <a:ext uri="{FF2B5EF4-FFF2-40B4-BE49-F238E27FC236}">
                  <a16:creationId xmlns:a16="http://schemas.microsoft.com/office/drawing/2014/main" id="{324FECD8-18EA-9066-3DF0-39EE8A309765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736" y="5209721"/>
              <a:ext cx="941218" cy="574547"/>
            </a:xfrm>
            <a:custGeom>
              <a:avLst/>
              <a:gdLst>
                <a:gd name="T0" fmla="*/ 138 w 267"/>
                <a:gd name="T1" fmla="*/ 20 h 163"/>
                <a:gd name="T2" fmla="*/ 0 w 267"/>
                <a:gd name="T3" fmla="*/ 145 h 163"/>
                <a:gd name="T4" fmla="*/ 191 w 267"/>
                <a:gd name="T5" fmla="*/ 137 h 163"/>
                <a:gd name="T6" fmla="*/ 267 w 267"/>
                <a:gd name="T7" fmla="*/ 39 h 163"/>
                <a:gd name="T8" fmla="*/ 260 w 267"/>
                <a:gd name="T9" fmla="*/ 29 h 163"/>
                <a:gd name="T10" fmla="*/ 138 w 267"/>
                <a:gd name="T11" fmla="*/ 20 h 1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67" h="163">
                  <a:moveTo>
                    <a:pt x="138" y="20"/>
                  </a:moveTo>
                  <a:cubicBezTo>
                    <a:pt x="82" y="46"/>
                    <a:pt x="47" y="96"/>
                    <a:pt x="0" y="145"/>
                  </a:cubicBezTo>
                  <a:cubicBezTo>
                    <a:pt x="61" y="163"/>
                    <a:pt x="144" y="154"/>
                    <a:pt x="191" y="137"/>
                  </a:cubicBezTo>
                  <a:cubicBezTo>
                    <a:pt x="238" y="118"/>
                    <a:pt x="267" y="80"/>
                    <a:pt x="267" y="39"/>
                  </a:cubicBezTo>
                  <a:cubicBezTo>
                    <a:pt x="267" y="34"/>
                    <a:pt x="264" y="31"/>
                    <a:pt x="260" y="29"/>
                  </a:cubicBezTo>
                  <a:cubicBezTo>
                    <a:pt x="229" y="12"/>
                    <a:pt x="180" y="0"/>
                    <a:pt x="138" y="2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3" name="Freeform 46">
              <a:extLst>
                <a:ext uri="{FF2B5EF4-FFF2-40B4-BE49-F238E27FC236}">
                  <a16:creationId xmlns:a16="http://schemas.microsoft.com/office/drawing/2014/main" id="{3ACA4FE2-F205-34A0-C0AA-1256EFFBA0CA}"/>
                </a:ext>
              </a:extLst>
            </p:cNvPr>
            <p:cNvSpPr>
              <a:spLocks/>
            </p:cNvSpPr>
            <p:nvPr/>
          </p:nvSpPr>
          <p:spPr bwMode="auto">
            <a:xfrm>
              <a:off x="8734619" y="2316777"/>
              <a:ext cx="1079802" cy="534126"/>
            </a:xfrm>
            <a:custGeom>
              <a:avLst/>
              <a:gdLst>
                <a:gd name="T0" fmla="*/ 194 w 306"/>
                <a:gd name="T1" fmla="*/ 10 h 152"/>
                <a:gd name="T2" fmla="*/ 0 w 306"/>
                <a:gd name="T3" fmla="*/ 66 h 152"/>
                <a:gd name="T4" fmla="*/ 167 w 306"/>
                <a:gd name="T5" fmla="*/ 141 h 152"/>
                <a:gd name="T6" fmla="*/ 298 w 306"/>
                <a:gd name="T7" fmla="*/ 105 h 152"/>
                <a:gd name="T8" fmla="*/ 301 w 306"/>
                <a:gd name="T9" fmla="*/ 82 h 152"/>
                <a:gd name="T10" fmla="*/ 194 w 306"/>
                <a:gd name="T11" fmla="*/ 10 h 15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6" h="152">
                  <a:moveTo>
                    <a:pt x="194" y="10"/>
                  </a:moveTo>
                  <a:cubicBezTo>
                    <a:pt x="146" y="0"/>
                    <a:pt x="60" y="26"/>
                    <a:pt x="0" y="66"/>
                  </a:cubicBezTo>
                  <a:cubicBezTo>
                    <a:pt x="54" y="97"/>
                    <a:pt x="114" y="130"/>
                    <a:pt x="167" y="141"/>
                  </a:cubicBezTo>
                  <a:cubicBezTo>
                    <a:pt x="218" y="152"/>
                    <a:pt x="264" y="136"/>
                    <a:pt x="298" y="105"/>
                  </a:cubicBezTo>
                  <a:cubicBezTo>
                    <a:pt x="305" y="100"/>
                    <a:pt x="306" y="90"/>
                    <a:pt x="301" y="82"/>
                  </a:cubicBezTo>
                  <a:cubicBezTo>
                    <a:pt x="281" y="50"/>
                    <a:pt x="240" y="19"/>
                    <a:pt x="194" y="1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04" name="Freeform 47">
              <a:extLst>
                <a:ext uri="{FF2B5EF4-FFF2-40B4-BE49-F238E27FC236}">
                  <a16:creationId xmlns:a16="http://schemas.microsoft.com/office/drawing/2014/main" id="{5177765F-86CB-DA59-9DC2-AAB20A7892E9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6556" y="512295"/>
              <a:ext cx="736228" cy="707357"/>
            </a:xfrm>
            <a:custGeom>
              <a:avLst/>
              <a:gdLst>
                <a:gd name="T0" fmla="*/ 171 w 209"/>
                <a:gd name="T1" fmla="*/ 76 h 201"/>
                <a:gd name="T2" fmla="*/ 0 w 209"/>
                <a:gd name="T3" fmla="*/ 0 h 201"/>
                <a:gd name="T4" fmla="*/ 73 w 209"/>
                <a:gd name="T5" fmla="*/ 165 h 201"/>
                <a:gd name="T6" fmla="*/ 196 w 209"/>
                <a:gd name="T7" fmla="*/ 189 h 201"/>
                <a:gd name="T8" fmla="*/ 207 w 209"/>
                <a:gd name="T9" fmla="*/ 176 h 201"/>
                <a:gd name="T10" fmla="*/ 171 w 209"/>
                <a:gd name="T11" fmla="*/ 76 h 2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9" h="201">
                  <a:moveTo>
                    <a:pt x="171" y="76"/>
                  </a:moveTo>
                  <a:cubicBezTo>
                    <a:pt x="136" y="40"/>
                    <a:pt x="56" y="9"/>
                    <a:pt x="0" y="0"/>
                  </a:cubicBezTo>
                  <a:cubicBezTo>
                    <a:pt x="12" y="36"/>
                    <a:pt x="37" y="133"/>
                    <a:pt x="73" y="165"/>
                  </a:cubicBezTo>
                  <a:cubicBezTo>
                    <a:pt x="110" y="198"/>
                    <a:pt x="150" y="201"/>
                    <a:pt x="196" y="189"/>
                  </a:cubicBezTo>
                  <a:cubicBezTo>
                    <a:pt x="202" y="187"/>
                    <a:pt x="207" y="182"/>
                    <a:pt x="207" y="176"/>
                  </a:cubicBezTo>
                  <a:cubicBezTo>
                    <a:pt x="209" y="139"/>
                    <a:pt x="202" y="108"/>
                    <a:pt x="171" y="76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701DEEC0-9AE1-3621-DAAE-1F87F5016E50}"/>
                </a:ext>
              </a:extLst>
            </p:cNvPr>
            <p:cNvSpPr>
              <a:spLocks/>
            </p:cNvSpPr>
            <p:nvPr/>
          </p:nvSpPr>
          <p:spPr bwMode="auto">
            <a:xfrm>
              <a:off x="9916287" y="0"/>
              <a:ext cx="447759" cy="240954"/>
            </a:xfrm>
            <a:custGeom>
              <a:avLst/>
              <a:gdLst>
                <a:gd name="connsiteX0" fmla="*/ 0 w 447759"/>
                <a:gd name="connsiteY0" fmla="*/ 0 h 240954"/>
                <a:gd name="connsiteX1" fmla="*/ 414433 w 447759"/>
                <a:gd name="connsiteY1" fmla="*/ 0 h 240954"/>
                <a:gd name="connsiteX2" fmla="*/ 420771 w 447759"/>
                <a:gd name="connsiteY2" fmla="*/ 9983 h 240954"/>
                <a:gd name="connsiteX3" fmla="*/ 441191 w 447759"/>
                <a:gd name="connsiteY3" fmla="*/ 210080 h 240954"/>
                <a:gd name="connsiteX4" fmla="*/ 409316 w 447759"/>
                <a:gd name="connsiteY4" fmla="*/ 238327 h 240954"/>
                <a:gd name="connsiteX5" fmla="*/ 55157 w 447759"/>
                <a:gd name="connsiteY5" fmla="*/ 100625 h 240954"/>
                <a:gd name="connsiteX6" fmla="*/ 10942 w 447759"/>
                <a:gd name="connsiteY6" fmla="*/ 26313 h 24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47759" h="240954">
                  <a:moveTo>
                    <a:pt x="0" y="0"/>
                  </a:moveTo>
                  <a:lnTo>
                    <a:pt x="414433" y="0"/>
                  </a:lnTo>
                  <a:lnTo>
                    <a:pt x="420771" y="9983"/>
                  </a:lnTo>
                  <a:cubicBezTo>
                    <a:pt x="452479" y="75689"/>
                    <a:pt x="451816" y="135933"/>
                    <a:pt x="441191" y="210080"/>
                  </a:cubicBezTo>
                  <a:cubicBezTo>
                    <a:pt x="437649" y="227734"/>
                    <a:pt x="427024" y="238327"/>
                    <a:pt x="409316" y="238327"/>
                  </a:cubicBezTo>
                  <a:cubicBezTo>
                    <a:pt x="249945" y="252450"/>
                    <a:pt x="133072" y="210080"/>
                    <a:pt x="55157" y="100625"/>
                  </a:cubicBezTo>
                  <a:cubicBezTo>
                    <a:pt x="40991" y="81206"/>
                    <a:pt x="25717" y="55828"/>
                    <a:pt x="10942" y="2631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06" name="Freeform 49">
              <a:extLst>
                <a:ext uri="{FF2B5EF4-FFF2-40B4-BE49-F238E27FC236}">
                  <a16:creationId xmlns:a16="http://schemas.microsoft.com/office/drawing/2014/main" id="{171A1C0C-350D-44F2-AC26-705789C8C8C3}"/>
                </a:ext>
              </a:extLst>
            </p:cNvPr>
            <p:cNvSpPr>
              <a:spLocks/>
            </p:cNvSpPr>
            <p:nvPr/>
          </p:nvSpPr>
          <p:spPr bwMode="auto">
            <a:xfrm>
              <a:off x="9312053" y="2850903"/>
              <a:ext cx="1255919" cy="629403"/>
            </a:xfrm>
            <a:custGeom>
              <a:avLst/>
              <a:gdLst>
                <a:gd name="T0" fmla="*/ 212 w 356"/>
                <a:gd name="T1" fmla="*/ 174 h 179"/>
                <a:gd name="T2" fmla="*/ 0 w 356"/>
                <a:gd name="T3" fmla="*/ 110 h 179"/>
                <a:gd name="T4" fmla="*/ 171 w 356"/>
                <a:gd name="T5" fmla="*/ 10 h 179"/>
                <a:gd name="T6" fmla="*/ 352 w 356"/>
                <a:gd name="T7" fmla="*/ 91 h 179"/>
                <a:gd name="T8" fmla="*/ 350 w 356"/>
                <a:gd name="T9" fmla="*/ 110 h 179"/>
                <a:gd name="T10" fmla="*/ 212 w 356"/>
                <a:gd name="T11" fmla="*/ 174 h 17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56" h="179">
                  <a:moveTo>
                    <a:pt x="212" y="174"/>
                  </a:moveTo>
                  <a:cubicBezTo>
                    <a:pt x="146" y="179"/>
                    <a:pt x="89" y="144"/>
                    <a:pt x="0" y="110"/>
                  </a:cubicBezTo>
                  <a:cubicBezTo>
                    <a:pt x="34" y="72"/>
                    <a:pt x="108" y="20"/>
                    <a:pt x="171" y="10"/>
                  </a:cubicBezTo>
                  <a:cubicBezTo>
                    <a:pt x="236" y="0"/>
                    <a:pt x="316" y="34"/>
                    <a:pt x="352" y="91"/>
                  </a:cubicBezTo>
                  <a:cubicBezTo>
                    <a:pt x="356" y="97"/>
                    <a:pt x="355" y="104"/>
                    <a:pt x="350" y="110"/>
                  </a:cubicBezTo>
                  <a:cubicBezTo>
                    <a:pt x="316" y="144"/>
                    <a:pt x="271" y="170"/>
                    <a:pt x="212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2595A26A-A47F-EF2E-79BA-F752F08718AD}"/>
                </a:ext>
              </a:extLst>
            </p:cNvPr>
            <p:cNvSpPr>
              <a:spLocks/>
            </p:cNvSpPr>
            <p:nvPr/>
          </p:nvSpPr>
          <p:spPr bwMode="auto">
            <a:xfrm>
              <a:off x="10881967" y="0"/>
              <a:ext cx="535486" cy="509022"/>
            </a:xfrm>
            <a:custGeom>
              <a:avLst/>
              <a:gdLst>
                <a:gd name="connsiteX0" fmla="*/ 0 w 535486"/>
                <a:gd name="connsiteY0" fmla="*/ 0 h 509022"/>
                <a:gd name="connsiteX1" fmla="*/ 299950 w 535486"/>
                <a:gd name="connsiteY1" fmla="*/ 0 h 509022"/>
                <a:gd name="connsiteX2" fmla="*/ 371512 w 535486"/>
                <a:gd name="connsiteY2" fmla="*/ 46406 h 509022"/>
                <a:gd name="connsiteX3" fmla="*/ 451269 w 535486"/>
                <a:gd name="connsiteY3" fmla="*/ 128855 h 509022"/>
                <a:gd name="connsiteX4" fmla="*/ 528768 w 535486"/>
                <a:gd name="connsiteY4" fmla="*/ 473371 h 509022"/>
                <a:gd name="connsiteX5" fmla="*/ 497064 w 535486"/>
                <a:gd name="connsiteY5" fmla="*/ 505010 h 509022"/>
                <a:gd name="connsiteX6" fmla="*/ 70816 w 535486"/>
                <a:gd name="connsiteY6" fmla="*/ 308144 h 509022"/>
                <a:gd name="connsiteX7" fmla="*/ 3444 w 535486"/>
                <a:gd name="connsiteY7" fmla="*/ 77002 h 5090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35486" h="509022">
                  <a:moveTo>
                    <a:pt x="0" y="0"/>
                  </a:moveTo>
                  <a:lnTo>
                    <a:pt x="299950" y="0"/>
                  </a:lnTo>
                  <a:lnTo>
                    <a:pt x="371512" y="46406"/>
                  </a:lnTo>
                  <a:cubicBezTo>
                    <a:pt x="401731" y="70410"/>
                    <a:pt x="428371" y="97216"/>
                    <a:pt x="451269" y="128855"/>
                  </a:cubicBezTo>
                  <a:cubicBezTo>
                    <a:pt x="532291" y="237834"/>
                    <a:pt x="546382" y="357360"/>
                    <a:pt x="528768" y="473371"/>
                  </a:cubicBezTo>
                  <a:cubicBezTo>
                    <a:pt x="528768" y="490948"/>
                    <a:pt x="514678" y="501494"/>
                    <a:pt x="497064" y="505010"/>
                  </a:cubicBezTo>
                  <a:cubicBezTo>
                    <a:pt x="331497" y="529618"/>
                    <a:pt x="148316" y="438216"/>
                    <a:pt x="70816" y="308144"/>
                  </a:cubicBezTo>
                  <a:cubicBezTo>
                    <a:pt x="33828" y="244865"/>
                    <a:pt x="12691" y="160494"/>
                    <a:pt x="3444" y="7700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15" name="Freeform 58">
              <a:extLst>
                <a:ext uri="{FF2B5EF4-FFF2-40B4-BE49-F238E27FC236}">
                  <a16:creationId xmlns:a16="http://schemas.microsoft.com/office/drawing/2014/main" id="{F73787AD-6B8B-3BB3-A776-D80F52E79FFE}"/>
                </a:ext>
              </a:extLst>
            </p:cNvPr>
            <p:cNvSpPr>
              <a:spLocks/>
            </p:cNvSpPr>
            <p:nvPr/>
          </p:nvSpPr>
          <p:spPr bwMode="auto">
            <a:xfrm>
              <a:off x="8780814" y="177384"/>
              <a:ext cx="799746" cy="733341"/>
            </a:xfrm>
            <a:custGeom>
              <a:avLst/>
              <a:gdLst>
                <a:gd name="T0" fmla="*/ 88 w 227"/>
                <a:gd name="T1" fmla="*/ 178 h 208"/>
                <a:gd name="T2" fmla="*/ 0 w 227"/>
                <a:gd name="T3" fmla="*/ 0 h 208"/>
                <a:gd name="T4" fmla="*/ 190 w 227"/>
                <a:gd name="T5" fmla="*/ 82 h 208"/>
                <a:gd name="T6" fmla="*/ 215 w 227"/>
                <a:gd name="T7" fmla="*/ 192 h 208"/>
                <a:gd name="T8" fmla="*/ 202 w 227"/>
                <a:gd name="T9" fmla="*/ 203 h 208"/>
                <a:gd name="T10" fmla="*/ 88 w 227"/>
                <a:gd name="T11" fmla="*/ 178 h 20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27" h="208">
                  <a:moveTo>
                    <a:pt x="88" y="178"/>
                  </a:moveTo>
                  <a:cubicBezTo>
                    <a:pt x="23" y="128"/>
                    <a:pt x="7" y="59"/>
                    <a:pt x="0" y="0"/>
                  </a:cubicBezTo>
                  <a:cubicBezTo>
                    <a:pt x="61" y="28"/>
                    <a:pt x="154" y="47"/>
                    <a:pt x="190" y="82"/>
                  </a:cubicBezTo>
                  <a:cubicBezTo>
                    <a:pt x="219" y="109"/>
                    <a:pt x="227" y="155"/>
                    <a:pt x="215" y="192"/>
                  </a:cubicBezTo>
                  <a:cubicBezTo>
                    <a:pt x="213" y="198"/>
                    <a:pt x="208" y="202"/>
                    <a:pt x="202" y="203"/>
                  </a:cubicBezTo>
                  <a:cubicBezTo>
                    <a:pt x="169" y="208"/>
                    <a:pt x="122" y="204"/>
                    <a:pt x="88" y="178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18" name="Freeform 61">
              <a:extLst>
                <a:ext uri="{FF2B5EF4-FFF2-40B4-BE49-F238E27FC236}">
                  <a16:creationId xmlns:a16="http://schemas.microsoft.com/office/drawing/2014/main" id="{DF829962-8F09-3DAA-BD41-DB96A1631CD4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6733" y="4129919"/>
              <a:ext cx="1166417" cy="588983"/>
            </a:xfrm>
            <a:custGeom>
              <a:avLst/>
              <a:gdLst>
                <a:gd name="T0" fmla="*/ 220 w 331"/>
                <a:gd name="T1" fmla="*/ 147 h 167"/>
                <a:gd name="T2" fmla="*/ 0 w 331"/>
                <a:gd name="T3" fmla="*/ 134 h 167"/>
                <a:gd name="T4" fmla="*/ 186 w 331"/>
                <a:gd name="T5" fmla="*/ 11 h 167"/>
                <a:gd name="T6" fmla="*/ 324 w 331"/>
                <a:gd name="T7" fmla="*/ 37 h 167"/>
                <a:gd name="T8" fmla="*/ 329 w 331"/>
                <a:gd name="T9" fmla="*/ 53 h 167"/>
                <a:gd name="T10" fmla="*/ 220 w 331"/>
                <a:gd name="T11" fmla="*/ 147 h 16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1" h="167">
                  <a:moveTo>
                    <a:pt x="220" y="147"/>
                  </a:moveTo>
                  <a:cubicBezTo>
                    <a:pt x="126" y="167"/>
                    <a:pt x="78" y="146"/>
                    <a:pt x="0" y="134"/>
                  </a:cubicBezTo>
                  <a:cubicBezTo>
                    <a:pt x="61" y="65"/>
                    <a:pt x="108" y="29"/>
                    <a:pt x="186" y="11"/>
                  </a:cubicBezTo>
                  <a:cubicBezTo>
                    <a:pt x="230" y="0"/>
                    <a:pt x="284" y="6"/>
                    <a:pt x="324" y="37"/>
                  </a:cubicBezTo>
                  <a:cubicBezTo>
                    <a:pt x="329" y="41"/>
                    <a:pt x="331" y="47"/>
                    <a:pt x="329" y="53"/>
                  </a:cubicBezTo>
                  <a:cubicBezTo>
                    <a:pt x="316" y="92"/>
                    <a:pt x="277" y="134"/>
                    <a:pt x="220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19" name="Freeform 62">
              <a:extLst>
                <a:ext uri="{FF2B5EF4-FFF2-40B4-BE49-F238E27FC236}">
                  <a16:creationId xmlns:a16="http://schemas.microsoft.com/office/drawing/2014/main" id="{FA7ED64F-6AC8-5D8C-69A2-4C4977C58BBA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72961" y="2943292"/>
              <a:ext cx="1140432" cy="537014"/>
            </a:xfrm>
            <a:custGeom>
              <a:avLst/>
              <a:gdLst>
                <a:gd name="T0" fmla="*/ 183 w 324"/>
                <a:gd name="T1" fmla="*/ 147 h 153"/>
                <a:gd name="T2" fmla="*/ 0 w 324"/>
                <a:gd name="T3" fmla="*/ 22 h 153"/>
                <a:gd name="T4" fmla="*/ 204 w 324"/>
                <a:gd name="T5" fmla="*/ 6 h 153"/>
                <a:gd name="T6" fmla="*/ 319 w 324"/>
                <a:gd name="T7" fmla="*/ 77 h 153"/>
                <a:gd name="T8" fmla="*/ 318 w 324"/>
                <a:gd name="T9" fmla="*/ 99 h 153"/>
                <a:gd name="T10" fmla="*/ 183 w 324"/>
                <a:gd name="T11" fmla="*/ 147 h 1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24" h="153">
                  <a:moveTo>
                    <a:pt x="183" y="147"/>
                  </a:moveTo>
                  <a:cubicBezTo>
                    <a:pt x="129" y="141"/>
                    <a:pt x="45" y="83"/>
                    <a:pt x="0" y="22"/>
                  </a:cubicBezTo>
                  <a:cubicBezTo>
                    <a:pt x="85" y="14"/>
                    <a:pt x="140" y="0"/>
                    <a:pt x="204" y="6"/>
                  </a:cubicBezTo>
                  <a:cubicBezTo>
                    <a:pt x="256" y="12"/>
                    <a:pt x="293" y="39"/>
                    <a:pt x="319" y="77"/>
                  </a:cubicBezTo>
                  <a:cubicBezTo>
                    <a:pt x="324" y="84"/>
                    <a:pt x="323" y="93"/>
                    <a:pt x="318" y="99"/>
                  </a:cubicBezTo>
                  <a:cubicBezTo>
                    <a:pt x="291" y="130"/>
                    <a:pt x="237" y="153"/>
                    <a:pt x="183" y="147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20" name="Freeform 63">
              <a:extLst>
                <a:ext uri="{FF2B5EF4-FFF2-40B4-BE49-F238E27FC236}">
                  <a16:creationId xmlns:a16="http://schemas.microsoft.com/office/drawing/2014/main" id="{AD7A8966-08D6-76A4-CC01-5844EC46FB4B}"/>
                </a:ext>
              </a:extLst>
            </p:cNvPr>
            <p:cNvSpPr>
              <a:spLocks/>
            </p:cNvSpPr>
            <p:nvPr/>
          </p:nvSpPr>
          <p:spPr bwMode="auto">
            <a:xfrm>
              <a:off x="8073457" y="3428337"/>
              <a:ext cx="1362744" cy="528352"/>
            </a:xfrm>
            <a:custGeom>
              <a:avLst/>
              <a:gdLst>
                <a:gd name="T0" fmla="*/ 244 w 387"/>
                <a:gd name="T1" fmla="*/ 140 h 150"/>
                <a:gd name="T2" fmla="*/ 0 w 387"/>
                <a:gd name="T3" fmla="*/ 81 h 150"/>
                <a:gd name="T4" fmla="*/ 244 w 387"/>
                <a:gd name="T5" fmla="*/ 3 h 150"/>
                <a:gd name="T6" fmla="*/ 380 w 387"/>
                <a:gd name="T7" fmla="*/ 49 h 150"/>
                <a:gd name="T8" fmla="*/ 382 w 387"/>
                <a:gd name="T9" fmla="*/ 71 h 150"/>
                <a:gd name="T10" fmla="*/ 244 w 387"/>
                <a:gd name="T11" fmla="*/ 140 h 1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7" h="150">
                  <a:moveTo>
                    <a:pt x="244" y="140"/>
                  </a:moveTo>
                  <a:cubicBezTo>
                    <a:pt x="143" y="150"/>
                    <a:pt x="64" y="123"/>
                    <a:pt x="0" y="81"/>
                  </a:cubicBezTo>
                  <a:cubicBezTo>
                    <a:pt x="90" y="59"/>
                    <a:pt x="173" y="8"/>
                    <a:pt x="244" y="3"/>
                  </a:cubicBezTo>
                  <a:cubicBezTo>
                    <a:pt x="301" y="0"/>
                    <a:pt x="346" y="16"/>
                    <a:pt x="380" y="49"/>
                  </a:cubicBezTo>
                  <a:cubicBezTo>
                    <a:pt x="386" y="55"/>
                    <a:pt x="387" y="64"/>
                    <a:pt x="382" y="71"/>
                  </a:cubicBezTo>
                  <a:cubicBezTo>
                    <a:pt x="358" y="105"/>
                    <a:pt x="303" y="134"/>
                    <a:pt x="244" y="14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6CB39452-DF71-B5DA-4FED-071388D891B2}"/>
                </a:ext>
              </a:extLst>
            </p:cNvPr>
            <p:cNvSpPr>
              <a:spLocks/>
            </p:cNvSpPr>
            <p:nvPr/>
          </p:nvSpPr>
          <p:spPr bwMode="auto">
            <a:xfrm>
              <a:off x="11985398" y="1615194"/>
              <a:ext cx="206602" cy="811211"/>
            </a:xfrm>
            <a:custGeom>
              <a:avLst/>
              <a:gdLst>
                <a:gd name="connsiteX0" fmla="*/ 3359 w 206602"/>
                <a:gd name="connsiteY0" fmla="*/ 0 h 811211"/>
                <a:gd name="connsiteX1" fmla="*/ 199109 w 206602"/>
                <a:gd name="connsiteY1" fmla="*/ 140286 h 811211"/>
                <a:gd name="connsiteX2" fmla="*/ 206602 w 206602"/>
                <a:gd name="connsiteY2" fmla="*/ 143814 h 811211"/>
                <a:gd name="connsiteX3" fmla="*/ 206602 w 206602"/>
                <a:gd name="connsiteY3" fmla="*/ 811211 h 811211"/>
                <a:gd name="connsiteX4" fmla="*/ 148671 w 206602"/>
                <a:gd name="connsiteY4" fmla="*/ 736790 h 811211"/>
                <a:gd name="connsiteX5" fmla="*/ 3359 w 206602"/>
                <a:gd name="connsiteY5" fmla="*/ 0 h 81121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6602" h="811211">
                  <a:moveTo>
                    <a:pt x="3359" y="0"/>
                  </a:moveTo>
                  <a:cubicBezTo>
                    <a:pt x="68554" y="59809"/>
                    <a:pt x="134189" y="104225"/>
                    <a:pt x="199109" y="140286"/>
                  </a:cubicBezTo>
                  <a:lnTo>
                    <a:pt x="206602" y="143814"/>
                  </a:lnTo>
                  <a:lnTo>
                    <a:pt x="206602" y="811211"/>
                  </a:lnTo>
                  <a:lnTo>
                    <a:pt x="148671" y="736790"/>
                  </a:lnTo>
                  <a:cubicBezTo>
                    <a:pt x="23788" y="551799"/>
                    <a:pt x="-12058" y="310916"/>
                    <a:pt x="3359" y="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22" name="Freeform 65">
              <a:extLst>
                <a:ext uri="{FF2B5EF4-FFF2-40B4-BE49-F238E27FC236}">
                  <a16:creationId xmlns:a16="http://schemas.microsoft.com/office/drawing/2014/main" id="{0751B755-0111-7B26-41A6-CFFA2786FA96}"/>
                </a:ext>
              </a:extLst>
            </p:cNvPr>
            <p:cNvSpPr>
              <a:spLocks/>
            </p:cNvSpPr>
            <p:nvPr/>
          </p:nvSpPr>
          <p:spPr bwMode="auto">
            <a:xfrm>
              <a:off x="9805759" y="5140429"/>
              <a:ext cx="1065366" cy="742003"/>
            </a:xfrm>
            <a:custGeom>
              <a:avLst/>
              <a:gdLst>
                <a:gd name="T0" fmla="*/ 209 w 302"/>
                <a:gd name="T1" fmla="*/ 172 h 211"/>
                <a:gd name="T2" fmla="*/ 0 w 302"/>
                <a:gd name="T3" fmla="*/ 179 h 211"/>
                <a:gd name="T4" fmla="*/ 137 w 302"/>
                <a:gd name="T5" fmla="*/ 30 h 211"/>
                <a:gd name="T6" fmla="*/ 293 w 302"/>
                <a:gd name="T7" fmla="*/ 21 h 211"/>
                <a:gd name="T8" fmla="*/ 302 w 302"/>
                <a:gd name="T9" fmla="*/ 35 h 211"/>
                <a:gd name="T10" fmla="*/ 209 w 302"/>
                <a:gd name="T11" fmla="*/ 172 h 2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2" h="211">
                  <a:moveTo>
                    <a:pt x="209" y="172"/>
                  </a:moveTo>
                  <a:cubicBezTo>
                    <a:pt x="156" y="202"/>
                    <a:pt x="79" y="211"/>
                    <a:pt x="0" y="179"/>
                  </a:cubicBezTo>
                  <a:cubicBezTo>
                    <a:pt x="56" y="125"/>
                    <a:pt x="74" y="66"/>
                    <a:pt x="137" y="30"/>
                  </a:cubicBezTo>
                  <a:cubicBezTo>
                    <a:pt x="190" y="0"/>
                    <a:pt x="244" y="2"/>
                    <a:pt x="293" y="21"/>
                  </a:cubicBezTo>
                  <a:cubicBezTo>
                    <a:pt x="299" y="24"/>
                    <a:pt x="302" y="29"/>
                    <a:pt x="302" y="35"/>
                  </a:cubicBezTo>
                  <a:cubicBezTo>
                    <a:pt x="299" y="81"/>
                    <a:pt x="264" y="141"/>
                    <a:pt x="209" y="172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1D1147B8-1481-40B1-AE3D-498EBB662167}"/>
                </a:ext>
              </a:extLst>
            </p:cNvPr>
            <p:cNvSpPr>
              <a:spLocks/>
            </p:cNvSpPr>
            <p:nvPr/>
          </p:nvSpPr>
          <p:spPr bwMode="auto">
            <a:xfrm>
              <a:off x="11691081" y="5009197"/>
              <a:ext cx="500919" cy="650530"/>
            </a:xfrm>
            <a:custGeom>
              <a:avLst/>
              <a:gdLst>
                <a:gd name="connsiteX0" fmla="*/ 500919 w 500919"/>
                <a:gd name="connsiteY0" fmla="*/ 0 h 650530"/>
                <a:gd name="connsiteX1" fmla="*/ 500919 w 500919"/>
                <a:gd name="connsiteY1" fmla="*/ 600919 h 650530"/>
                <a:gd name="connsiteX2" fmla="*/ 373878 w 500919"/>
                <a:gd name="connsiteY2" fmla="*/ 638875 h 650530"/>
                <a:gd name="connsiteX3" fmla="*/ 0 w 500919"/>
                <a:gd name="connsiteY3" fmla="*/ 617271 h 650530"/>
                <a:gd name="connsiteX4" fmla="*/ 374320 w 500919"/>
                <a:gd name="connsiteY4" fmla="*/ 74074 h 650530"/>
                <a:gd name="connsiteX5" fmla="*/ 484122 w 500919"/>
                <a:gd name="connsiteY5" fmla="*/ 5293 h 650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0919" h="650530">
                  <a:moveTo>
                    <a:pt x="500919" y="0"/>
                  </a:moveTo>
                  <a:lnTo>
                    <a:pt x="500919" y="600919"/>
                  </a:lnTo>
                  <a:lnTo>
                    <a:pt x="373878" y="638875"/>
                  </a:lnTo>
                  <a:cubicBezTo>
                    <a:pt x="261318" y="658716"/>
                    <a:pt x="134190" y="654307"/>
                    <a:pt x="0" y="617271"/>
                  </a:cubicBezTo>
                  <a:cubicBezTo>
                    <a:pt x="151847" y="409163"/>
                    <a:pt x="236598" y="179892"/>
                    <a:pt x="374320" y="74074"/>
                  </a:cubicBezTo>
                  <a:cubicBezTo>
                    <a:pt x="411399" y="44975"/>
                    <a:pt x="447815" y="22268"/>
                    <a:pt x="484122" y="529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24" name="Freeform 67">
              <a:extLst>
                <a:ext uri="{FF2B5EF4-FFF2-40B4-BE49-F238E27FC236}">
                  <a16:creationId xmlns:a16="http://schemas.microsoft.com/office/drawing/2014/main" id="{092A2B44-24C5-CE9D-0A88-0676CCADC065}"/>
                </a:ext>
              </a:extLst>
            </p:cNvPr>
            <p:cNvSpPr>
              <a:spLocks/>
            </p:cNvSpPr>
            <p:nvPr/>
          </p:nvSpPr>
          <p:spPr bwMode="auto">
            <a:xfrm>
              <a:off x="10709443" y="4464831"/>
              <a:ext cx="1345421" cy="695808"/>
            </a:xfrm>
            <a:custGeom>
              <a:avLst/>
              <a:gdLst>
                <a:gd name="T0" fmla="*/ 278 w 382"/>
                <a:gd name="T1" fmla="*/ 174 h 198"/>
                <a:gd name="T2" fmla="*/ 0 w 382"/>
                <a:gd name="T3" fmla="*/ 141 h 198"/>
                <a:gd name="T4" fmla="*/ 218 w 382"/>
                <a:gd name="T5" fmla="*/ 16 h 198"/>
                <a:gd name="T6" fmla="*/ 373 w 382"/>
                <a:gd name="T7" fmla="*/ 29 h 198"/>
                <a:gd name="T8" fmla="*/ 382 w 382"/>
                <a:gd name="T9" fmla="*/ 45 h 198"/>
                <a:gd name="T10" fmla="*/ 278 w 382"/>
                <a:gd name="T11" fmla="*/ 174 h 19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82" h="198">
                  <a:moveTo>
                    <a:pt x="278" y="174"/>
                  </a:moveTo>
                  <a:cubicBezTo>
                    <a:pt x="223" y="198"/>
                    <a:pt x="75" y="185"/>
                    <a:pt x="0" y="141"/>
                  </a:cubicBezTo>
                  <a:cubicBezTo>
                    <a:pt x="84" y="96"/>
                    <a:pt x="122" y="45"/>
                    <a:pt x="218" y="16"/>
                  </a:cubicBezTo>
                  <a:cubicBezTo>
                    <a:pt x="270" y="0"/>
                    <a:pt x="325" y="2"/>
                    <a:pt x="373" y="29"/>
                  </a:cubicBezTo>
                  <a:cubicBezTo>
                    <a:pt x="379" y="33"/>
                    <a:pt x="382" y="39"/>
                    <a:pt x="382" y="45"/>
                  </a:cubicBezTo>
                  <a:cubicBezTo>
                    <a:pt x="375" y="93"/>
                    <a:pt x="335" y="150"/>
                    <a:pt x="278" y="17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02534FBA-693A-C203-3E39-0AC006E5914A}"/>
                </a:ext>
              </a:extLst>
            </p:cNvPr>
            <p:cNvSpPr>
              <a:spLocks/>
            </p:cNvSpPr>
            <p:nvPr/>
          </p:nvSpPr>
          <p:spPr bwMode="auto">
            <a:xfrm>
              <a:off x="11125196" y="3607911"/>
              <a:ext cx="1066804" cy="678144"/>
            </a:xfrm>
            <a:custGeom>
              <a:avLst/>
              <a:gdLst>
                <a:gd name="connsiteX0" fmla="*/ 797391 w 1066804"/>
                <a:gd name="connsiteY0" fmla="*/ 120 h 678144"/>
                <a:gd name="connsiteX1" fmla="*/ 1039335 w 1066804"/>
                <a:gd name="connsiteY1" fmla="*/ 51462 h 678144"/>
                <a:gd name="connsiteX2" fmla="*/ 1066804 w 1066804"/>
                <a:gd name="connsiteY2" fmla="*/ 66400 h 678144"/>
                <a:gd name="connsiteX3" fmla="*/ 1066804 w 1066804"/>
                <a:gd name="connsiteY3" fmla="*/ 560676 h 678144"/>
                <a:gd name="connsiteX4" fmla="*/ 1025426 w 1066804"/>
                <a:gd name="connsiteY4" fmla="*/ 587437 h 678144"/>
                <a:gd name="connsiteX5" fmla="*/ 770921 w 1066804"/>
                <a:gd name="connsiteY5" fmla="*/ 672267 h 678144"/>
                <a:gd name="connsiteX6" fmla="*/ 0 w 1066804"/>
                <a:gd name="connsiteY6" fmla="*/ 359448 h 678144"/>
                <a:gd name="connsiteX7" fmla="*/ 711078 w 1066804"/>
                <a:gd name="connsiteY7" fmla="*/ 4452 h 678144"/>
                <a:gd name="connsiteX8" fmla="*/ 797391 w 1066804"/>
                <a:gd name="connsiteY8" fmla="*/ 120 h 678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066804" h="678144">
                  <a:moveTo>
                    <a:pt x="797391" y="120"/>
                  </a:moveTo>
                  <a:cubicBezTo>
                    <a:pt x="882742" y="1788"/>
                    <a:pt x="964751" y="20818"/>
                    <a:pt x="1039335" y="51462"/>
                  </a:cubicBezTo>
                  <a:lnTo>
                    <a:pt x="1066804" y="66400"/>
                  </a:lnTo>
                  <a:lnTo>
                    <a:pt x="1066804" y="560676"/>
                  </a:lnTo>
                  <a:lnTo>
                    <a:pt x="1025426" y="587437"/>
                  </a:lnTo>
                  <a:cubicBezTo>
                    <a:pt x="948635" y="630913"/>
                    <a:pt x="862006" y="661722"/>
                    <a:pt x="770921" y="672267"/>
                  </a:cubicBezTo>
                  <a:cubicBezTo>
                    <a:pt x="531548" y="703900"/>
                    <a:pt x="239373" y="609000"/>
                    <a:pt x="0" y="359448"/>
                  </a:cubicBezTo>
                  <a:cubicBezTo>
                    <a:pt x="256974" y="225885"/>
                    <a:pt x="429463" y="39600"/>
                    <a:pt x="711078" y="4452"/>
                  </a:cubicBezTo>
                  <a:cubicBezTo>
                    <a:pt x="740120" y="937"/>
                    <a:pt x="768941" y="-436"/>
                    <a:pt x="797391" y="120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US" sz="1350" dirty="0"/>
            </a:p>
          </p:txBody>
        </p:sp>
        <p:sp>
          <p:nvSpPr>
            <p:cNvPr id="127" name="Freeform 70">
              <a:extLst>
                <a:ext uri="{FF2B5EF4-FFF2-40B4-BE49-F238E27FC236}">
                  <a16:creationId xmlns:a16="http://schemas.microsoft.com/office/drawing/2014/main" id="{2E1ED6AE-ACB3-FA20-ED9D-52A9B967FFC6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51169" y="6000805"/>
              <a:ext cx="978751" cy="739116"/>
            </a:xfrm>
            <a:custGeom>
              <a:avLst/>
              <a:gdLst>
                <a:gd name="T0" fmla="*/ 205 w 278"/>
                <a:gd name="T1" fmla="*/ 160 h 210"/>
                <a:gd name="T2" fmla="*/ 0 w 278"/>
                <a:gd name="T3" fmla="*/ 174 h 210"/>
                <a:gd name="T4" fmla="*/ 129 w 278"/>
                <a:gd name="T5" fmla="*/ 35 h 210"/>
                <a:gd name="T6" fmla="*/ 263 w 278"/>
                <a:gd name="T7" fmla="*/ 20 h 210"/>
                <a:gd name="T8" fmla="*/ 274 w 278"/>
                <a:gd name="T9" fmla="*/ 35 h 210"/>
                <a:gd name="T10" fmla="*/ 205 w 278"/>
                <a:gd name="T11" fmla="*/ 160 h 2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8" h="210">
                  <a:moveTo>
                    <a:pt x="205" y="160"/>
                  </a:moveTo>
                  <a:cubicBezTo>
                    <a:pt x="162" y="189"/>
                    <a:pt x="85" y="210"/>
                    <a:pt x="0" y="174"/>
                  </a:cubicBezTo>
                  <a:cubicBezTo>
                    <a:pt x="56" y="119"/>
                    <a:pt x="77" y="69"/>
                    <a:pt x="129" y="35"/>
                  </a:cubicBezTo>
                  <a:cubicBezTo>
                    <a:pt x="171" y="7"/>
                    <a:pt x="225" y="0"/>
                    <a:pt x="263" y="20"/>
                  </a:cubicBezTo>
                  <a:cubicBezTo>
                    <a:pt x="269" y="23"/>
                    <a:pt x="273" y="28"/>
                    <a:pt x="274" y="35"/>
                  </a:cubicBezTo>
                  <a:cubicBezTo>
                    <a:pt x="278" y="81"/>
                    <a:pt x="250" y="130"/>
                    <a:pt x="205" y="16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  <p:sp>
          <p:nvSpPr>
            <p:cNvPr id="128" name="Freeform 71">
              <a:extLst>
                <a:ext uri="{FF2B5EF4-FFF2-40B4-BE49-F238E27FC236}">
                  <a16:creationId xmlns:a16="http://schemas.microsoft.com/office/drawing/2014/main" id="{DF0D4DF9-7E61-2F0A-4DDD-015B206CA9A4}"/>
                </a:ext>
              </a:extLst>
            </p:cNvPr>
            <p:cNvSpPr>
              <a:spLocks/>
            </p:cNvSpPr>
            <p:nvPr/>
          </p:nvSpPr>
          <p:spPr bwMode="auto">
            <a:xfrm>
              <a:off x="9063756" y="1135924"/>
              <a:ext cx="845941" cy="482157"/>
            </a:xfrm>
            <a:custGeom>
              <a:avLst/>
              <a:gdLst>
                <a:gd name="T0" fmla="*/ 151 w 240"/>
                <a:gd name="T1" fmla="*/ 14 h 137"/>
                <a:gd name="T2" fmla="*/ 0 w 240"/>
                <a:gd name="T3" fmla="*/ 24 h 137"/>
                <a:gd name="T4" fmla="*/ 118 w 240"/>
                <a:gd name="T5" fmla="*/ 121 h 137"/>
                <a:gd name="T6" fmla="*/ 229 w 240"/>
                <a:gd name="T7" fmla="*/ 106 h 137"/>
                <a:gd name="T8" fmla="*/ 236 w 240"/>
                <a:gd name="T9" fmla="*/ 84 h 137"/>
                <a:gd name="T10" fmla="*/ 151 w 240"/>
                <a:gd name="T11" fmla="*/ 14 h 1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40" h="137">
                  <a:moveTo>
                    <a:pt x="151" y="14"/>
                  </a:moveTo>
                  <a:cubicBezTo>
                    <a:pt x="110" y="0"/>
                    <a:pt x="55" y="1"/>
                    <a:pt x="0" y="24"/>
                  </a:cubicBezTo>
                  <a:cubicBezTo>
                    <a:pt x="28" y="62"/>
                    <a:pt x="74" y="105"/>
                    <a:pt x="118" y="121"/>
                  </a:cubicBezTo>
                  <a:cubicBezTo>
                    <a:pt x="160" y="137"/>
                    <a:pt x="198" y="124"/>
                    <a:pt x="229" y="106"/>
                  </a:cubicBezTo>
                  <a:cubicBezTo>
                    <a:pt x="237" y="101"/>
                    <a:pt x="240" y="92"/>
                    <a:pt x="236" y="84"/>
                  </a:cubicBezTo>
                  <a:cubicBezTo>
                    <a:pt x="221" y="57"/>
                    <a:pt x="188" y="28"/>
                    <a:pt x="151" y="14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US" sz="1350" dirty="0"/>
            </a:p>
          </p:txBody>
        </p:sp>
      </p:grpSp>
      <p:sp>
        <p:nvSpPr>
          <p:cNvPr id="2" name="Dynamic legal" descr="{&quot;templafy&quot;:{&quot;id&quot;:&quot;f14d05af-4d71-4af2-97f1-16b361b24aa0&quot;}}">
            <a:extLst>
              <a:ext uri="{FF2B5EF4-FFF2-40B4-BE49-F238E27FC236}">
                <a16:creationId xmlns:a16="http://schemas.microsoft.com/office/drawing/2014/main" id="{E23F2879-C0F1-FB2C-1B12-FB7DF6483BE8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171ef2c2-b659-4e13-bbf6-681a25995c32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EB69DB35-24A1-3882-AA88-5C052CF373B5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61" name="Logo">
            <a:extLst>
              <a:ext uri="{FF2B5EF4-FFF2-40B4-BE49-F238E27FC236}">
                <a16:creationId xmlns:a16="http://schemas.microsoft.com/office/drawing/2014/main" id="{D171A8D9-C2F0-F2E4-95F5-CC293B3A83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AA9B1855-605E-201E-357F-9A2AEB2047B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270000" y="360000"/>
            <a:ext cx="2041200" cy="5572800"/>
          </a:xfrm>
        </p:spPr>
        <p:txBody>
          <a:bodyPr anchor="ctr" anchorCtr="0"/>
          <a:lstStyle>
            <a:lvl1pPr>
              <a:lnSpc>
                <a:spcPct val="83000"/>
              </a:lnSpc>
              <a:defRPr sz="27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Agenda</a:t>
            </a:r>
            <a:endParaRPr lang="en-US"/>
          </a:p>
        </p:txBody>
      </p:sp>
      <p:sp>
        <p:nvSpPr>
          <p:cNvPr id="62" name="Text Placeholder 2">
            <a:extLst>
              <a:ext uri="{FF2B5EF4-FFF2-40B4-BE49-F238E27FC236}">
                <a16:creationId xmlns:a16="http://schemas.microsoft.com/office/drawing/2014/main" id="{C91D10E3-3624-802C-5B1E-5D4C4A56A9F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450313" y="360000"/>
            <a:ext cx="306245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01</a:t>
            </a:r>
            <a:endParaRPr lang="en-US" dirty="0"/>
          </a:p>
          <a:p>
            <a:pPr lvl="1"/>
            <a:r>
              <a:rPr lang="en-US" noProof="0" dirty="0"/>
              <a:t>02</a:t>
            </a:r>
            <a:endParaRPr lang="en-US" dirty="0"/>
          </a:p>
          <a:p>
            <a:pPr lvl="2"/>
            <a:r>
              <a:rPr lang="en-US" noProof="0" dirty="0"/>
              <a:t>03</a:t>
            </a:r>
            <a:endParaRPr lang="en-US" dirty="0"/>
          </a:p>
          <a:p>
            <a:pPr lvl="3"/>
            <a:r>
              <a:rPr lang="en-US" noProof="0" dirty="0"/>
              <a:t>04</a:t>
            </a:r>
            <a:endParaRPr lang="en-US" dirty="0"/>
          </a:p>
          <a:p>
            <a:pPr lvl="4"/>
            <a:r>
              <a:rPr lang="en-US" noProof="0" dirty="0"/>
              <a:t>05</a:t>
            </a:r>
            <a:endParaRPr lang="en-US" dirty="0"/>
          </a:p>
          <a:p>
            <a:pPr lvl="5"/>
            <a:r>
              <a:rPr lang="en-US" noProof="0" dirty="0"/>
              <a:t>06</a:t>
            </a:r>
            <a:endParaRPr lang="en-US" dirty="0"/>
          </a:p>
          <a:p>
            <a:pPr lvl="6"/>
            <a:r>
              <a:rPr lang="en-US" noProof="0" dirty="0"/>
              <a:t>07</a:t>
            </a:r>
            <a:endParaRPr lang="en-US" dirty="0"/>
          </a:p>
          <a:p>
            <a:pPr lvl="7"/>
            <a:r>
              <a:rPr lang="en-US" noProof="0" dirty="0"/>
              <a:t>08</a:t>
            </a:r>
            <a:endParaRPr lang="en-US" dirty="0"/>
          </a:p>
          <a:p>
            <a:pPr lvl="8"/>
            <a:r>
              <a:rPr lang="en-US" noProof="0" dirty="0"/>
              <a:t>09</a:t>
            </a:r>
            <a:endParaRPr lang="en-US" dirty="0"/>
          </a:p>
        </p:txBody>
      </p:sp>
      <p:sp>
        <p:nvSpPr>
          <p:cNvPr id="63" name="Text Placeholder 2">
            <a:extLst>
              <a:ext uri="{FF2B5EF4-FFF2-40B4-BE49-F238E27FC236}">
                <a16:creationId xmlns:a16="http://schemas.microsoft.com/office/drawing/2014/main" id="{1E3BB328-175D-1D81-F46E-4991B53591F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759286" y="360000"/>
            <a:ext cx="6114715" cy="5572800"/>
          </a:xfrm>
        </p:spPr>
        <p:txBody>
          <a:bodyPr tIns="0" anchor="ctr" anchorCtr="0"/>
          <a:lstStyle>
            <a:lvl1pPr marL="0" indent="0">
              <a:lnSpc>
                <a:spcPct val="100000"/>
              </a:lnSpc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Font typeface="Verdana" panose="020B0604030504040204" pitchFamily="34" charset="0"/>
              <a:buChar char="​"/>
              <a:defRPr sz="15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US" noProof="0" dirty="0"/>
              <a:t>Click to add agenda point</a:t>
            </a:r>
            <a:endParaRPr lang="en-US" dirty="0"/>
          </a:p>
          <a:p>
            <a:pPr lvl="1"/>
            <a:r>
              <a:rPr lang="en-US" noProof="0" dirty="0"/>
              <a:t>Second level</a:t>
            </a:r>
            <a:endParaRPr lang="en-US" dirty="0"/>
          </a:p>
          <a:p>
            <a:pPr lvl="2"/>
            <a:r>
              <a:rPr lang="en-US" noProof="0" dirty="0"/>
              <a:t>Third level</a:t>
            </a:r>
            <a:endParaRPr lang="en-US" dirty="0"/>
          </a:p>
          <a:p>
            <a:pPr lvl="3"/>
            <a:r>
              <a:rPr lang="en-US" noProof="0" dirty="0"/>
              <a:t>Fourth level</a:t>
            </a:r>
            <a:endParaRPr lang="en-US" dirty="0"/>
          </a:p>
          <a:p>
            <a:pPr lvl="4"/>
            <a:r>
              <a:rPr lang="en-US" noProof="0" dirty="0"/>
              <a:t>Fifth level</a:t>
            </a:r>
            <a:endParaRPr lang="en-US" dirty="0"/>
          </a:p>
          <a:p>
            <a:pPr lvl="5"/>
            <a:r>
              <a:rPr lang="en-US" noProof="0" dirty="0"/>
              <a:t>6</a:t>
            </a:r>
            <a:endParaRPr lang="en-US" dirty="0"/>
          </a:p>
          <a:p>
            <a:pPr lvl="6"/>
            <a:r>
              <a:rPr lang="en-US" noProof="0" dirty="0"/>
              <a:t>7</a:t>
            </a:r>
            <a:endParaRPr lang="en-US" dirty="0"/>
          </a:p>
          <a:p>
            <a:pPr lvl="7"/>
            <a:r>
              <a:rPr lang="en-US" noProof="0" dirty="0"/>
              <a:t>8</a:t>
            </a:r>
            <a:endParaRPr lang="en-US" dirty="0"/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EB1E11BB-A9E1-91FE-9011-CA59BEDA47A4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CD596978-FD57-4371-AD09-C010258F7404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4F49622-75A8-7E62-35DD-A0B334DFC31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626CCFB-F402-A8B9-F724-E21077D40C0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6609912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033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Freeform 6">
            <a:extLst>
              <a:ext uri="{FF2B5EF4-FFF2-40B4-BE49-F238E27FC236}">
                <a16:creationId xmlns:a16="http://schemas.microsoft.com/office/drawing/2014/main" id="{2DBDAC48-E9E3-50DC-4F61-AE86EB78F7A4}"/>
              </a:ext>
            </a:extLst>
          </p:cNvPr>
          <p:cNvSpPr>
            <a:spLocks/>
          </p:cNvSpPr>
          <p:nvPr userDrawn="1"/>
        </p:nvSpPr>
        <p:spPr bwMode="auto">
          <a:xfrm rot="900000">
            <a:off x="-5729640" y="-1308734"/>
            <a:ext cx="14024102" cy="10685028"/>
          </a:xfrm>
          <a:custGeom>
            <a:avLst/>
            <a:gdLst>
              <a:gd name="T0" fmla="*/ 123 w 281"/>
              <a:gd name="T1" fmla="*/ 146 h 161"/>
              <a:gd name="T2" fmla="*/ 0 w 281"/>
              <a:gd name="T3" fmla="*/ 42 h 161"/>
              <a:gd name="T4" fmla="*/ 158 w 281"/>
              <a:gd name="T5" fmla="*/ 15 h 161"/>
              <a:gd name="T6" fmla="*/ 281 w 281"/>
              <a:gd name="T7" fmla="*/ 119 h 161"/>
              <a:gd name="T8" fmla="*/ 123 w 281"/>
              <a:gd name="T9" fmla="*/ 146 h 16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281" h="161">
                <a:moveTo>
                  <a:pt x="123" y="146"/>
                </a:moveTo>
                <a:cubicBezTo>
                  <a:pt x="66" y="130"/>
                  <a:pt x="23" y="91"/>
                  <a:pt x="0" y="42"/>
                </a:cubicBezTo>
                <a:cubicBezTo>
                  <a:pt x="45" y="11"/>
                  <a:pt x="102" y="0"/>
                  <a:pt x="158" y="15"/>
                </a:cubicBezTo>
                <a:cubicBezTo>
                  <a:pt x="215" y="31"/>
                  <a:pt x="258" y="70"/>
                  <a:pt x="281" y="119"/>
                </a:cubicBezTo>
                <a:cubicBezTo>
                  <a:pt x="236" y="150"/>
                  <a:pt x="179" y="161"/>
                  <a:pt x="123" y="146"/>
                </a:cubicBezTo>
              </a:path>
            </a:pathLst>
          </a:custGeom>
          <a:solidFill>
            <a:srgbClr val="110081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8" name="Freeform 25">
            <a:extLst>
              <a:ext uri="{FF2B5EF4-FFF2-40B4-BE49-F238E27FC236}">
                <a16:creationId xmlns:a16="http://schemas.microsoft.com/office/drawing/2014/main" id="{BCFED06E-BBB3-0C17-552D-DFF9887E09D2}"/>
              </a:ext>
            </a:extLst>
          </p:cNvPr>
          <p:cNvSpPr>
            <a:spLocks/>
          </p:cNvSpPr>
          <p:nvPr userDrawn="1"/>
        </p:nvSpPr>
        <p:spPr bwMode="auto">
          <a:xfrm rot="20700000">
            <a:off x="4207166" y="-3994913"/>
            <a:ext cx="12137646" cy="10164263"/>
          </a:xfrm>
          <a:custGeom>
            <a:avLst/>
            <a:gdLst>
              <a:gd name="T0" fmla="*/ 171 w 368"/>
              <a:gd name="T1" fmla="*/ 203 h 231"/>
              <a:gd name="T2" fmla="*/ 0 w 368"/>
              <a:gd name="T3" fmla="*/ 13 h 231"/>
              <a:gd name="T4" fmla="*/ 257 w 368"/>
              <a:gd name="T5" fmla="*/ 34 h 231"/>
              <a:gd name="T6" fmla="*/ 366 w 368"/>
              <a:gd name="T7" fmla="*/ 171 h 231"/>
              <a:gd name="T8" fmla="*/ 355 w 368"/>
              <a:gd name="T9" fmla="*/ 196 h 231"/>
              <a:gd name="T10" fmla="*/ 171 w 368"/>
              <a:gd name="T11" fmla="*/ 203 h 23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368" h="231">
                <a:moveTo>
                  <a:pt x="171" y="203"/>
                </a:moveTo>
                <a:cubicBezTo>
                  <a:pt x="108" y="174"/>
                  <a:pt x="64" y="85"/>
                  <a:pt x="0" y="13"/>
                </a:cubicBezTo>
                <a:cubicBezTo>
                  <a:pt x="91" y="8"/>
                  <a:pt x="182" y="0"/>
                  <a:pt x="257" y="34"/>
                </a:cubicBezTo>
                <a:cubicBezTo>
                  <a:pt x="317" y="62"/>
                  <a:pt x="351" y="112"/>
                  <a:pt x="366" y="171"/>
                </a:cubicBezTo>
                <a:cubicBezTo>
                  <a:pt x="368" y="181"/>
                  <a:pt x="364" y="191"/>
                  <a:pt x="355" y="196"/>
                </a:cubicBezTo>
                <a:cubicBezTo>
                  <a:pt x="309" y="224"/>
                  <a:pt x="234" y="231"/>
                  <a:pt x="171" y="203"/>
                </a:cubicBezTo>
              </a:path>
            </a:pathLst>
          </a:custGeom>
          <a:solidFill>
            <a:srgbClr val="110081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10" name="Dynamic legal" descr="{&quot;templafy&quot;:{&quot;id&quot;:&quot;8c979fe5-8045-43b3-8ff2-3080de87e332&quot;}}">
            <a:extLst>
              <a:ext uri="{FF2B5EF4-FFF2-40B4-BE49-F238E27FC236}">
                <a16:creationId xmlns:a16="http://schemas.microsoft.com/office/drawing/2014/main" id="{CA05FD09-B64E-2A45-1D16-ECAE9404769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5e46cefc-5d01-48ec-955c-2205f7a22a99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E0B98218-CDFB-9994-043C-5F396CC69AC5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2A74288B-453E-4D14-A7FD-55F3BFD9C2A1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498167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 p14:bounceEnd="24000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 p14:bounceEnd="24000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Choice>
    <mc:Fallback xmlns="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Fallback>
  </mc:AlternateContent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. Break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9144900" cy="6858000"/>
          </a:xfrm>
          <a:prstGeom prst="rect">
            <a:avLst/>
          </a:prstGeom>
          <a:solidFill>
            <a:srgbClr val="03CC5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noProof="0" dirty="0" err="1">
              <a:solidFill>
                <a:schemeClr val="tx1"/>
              </a:solidFill>
            </a:endParaRPr>
          </a:p>
        </p:txBody>
      </p:sp>
      <p:sp>
        <p:nvSpPr>
          <p:cNvPr id="4" name="Freeform 6">
            <a:extLst>
              <a:ext uri="{FF2B5EF4-FFF2-40B4-BE49-F238E27FC236}">
                <a16:creationId xmlns:a16="http://schemas.microsoft.com/office/drawing/2014/main" id="{2DBDAC48-E9E3-50DC-4F61-AE86EB78F7A4}"/>
              </a:ext>
            </a:extLst>
          </p:cNvPr>
          <p:cNvSpPr>
            <a:spLocks/>
          </p:cNvSpPr>
          <p:nvPr userDrawn="1"/>
        </p:nvSpPr>
        <p:spPr bwMode="auto">
          <a:xfrm rot="900000">
            <a:off x="-5729640" y="-1308734"/>
            <a:ext cx="14024102" cy="10685028"/>
          </a:xfrm>
          <a:custGeom>
            <a:avLst/>
            <a:gdLst>
              <a:gd name="T0" fmla="*/ 123 w 281"/>
              <a:gd name="T1" fmla="*/ 146 h 161"/>
              <a:gd name="T2" fmla="*/ 0 w 281"/>
              <a:gd name="T3" fmla="*/ 42 h 161"/>
              <a:gd name="T4" fmla="*/ 158 w 281"/>
              <a:gd name="T5" fmla="*/ 15 h 161"/>
              <a:gd name="T6" fmla="*/ 281 w 281"/>
              <a:gd name="T7" fmla="*/ 119 h 161"/>
              <a:gd name="T8" fmla="*/ 123 w 281"/>
              <a:gd name="T9" fmla="*/ 146 h 16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</a:cxnLst>
            <a:rect l="0" t="0" r="r" b="b"/>
            <a:pathLst>
              <a:path w="281" h="161">
                <a:moveTo>
                  <a:pt x="123" y="146"/>
                </a:moveTo>
                <a:cubicBezTo>
                  <a:pt x="66" y="130"/>
                  <a:pt x="23" y="91"/>
                  <a:pt x="0" y="42"/>
                </a:cubicBezTo>
                <a:cubicBezTo>
                  <a:pt x="45" y="11"/>
                  <a:pt x="102" y="0"/>
                  <a:pt x="158" y="15"/>
                </a:cubicBezTo>
                <a:cubicBezTo>
                  <a:pt x="215" y="31"/>
                  <a:pt x="258" y="70"/>
                  <a:pt x="281" y="119"/>
                </a:cubicBezTo>
                <a:cubicBezTo>
                  <a:pt x="236" y="150"/>
                  <a:pt x="179" y="161"/>
                  <a:pt x="123" y="146"/>
                </a:cubicBezTo>
              </a:path>
            </a:pathLst>
          </a:custGeom>
          <a:solidFill>
            <a:srgbClr val="00874D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8" name="Freeform 25">
            <a:extLst>
              <a:ext uri="{FF2B5EF4-FFF2-40B4-BE49-F238E27FC236}">
                <a16:creationId xmlns:a16="http://schemas.microsoft.com/office/drawing/2014/main" id="{BCFED06E-BBB3-0C17-552D-DFF9887E09D2}"/>
              </a:ext>
            </a:extLst>
          </p:cNvPr>
          <p:cNvSpPr>
            <a:spLocks/>
          </p:cNvSpPr>
          <p:nvPr userDrawn="1"/>
        </p:nvSpPr>
        <p:spPr bwMode="auto">
          <a:xfrm rot="20700000">
            <a:off x="4207166" y="-3994913"/>
            <a:ext cx="12137646" cy="10164263"/>
          </a:xfrm>
          <a:custGeom>
            <a:avLst/>
            <a:gdLst>
              <a:gd name="T0" fmla="*/ 171 w 368"/>
              <a:gd name="T1" fmla="*/ 203 h 231"/>
              <a:gd name="T2" fmla="*/ 0 w 368"/>
              <a:gd name="T3" fmla="*/ 13 h 231"/>
              <a:gd name="T4" fmla="*/ 257 w 368"/>
              <a:gd name="T5" fmla="*/ 34 h 231"/>
              <a:gd name="T6" fmla="*/ 366 w 368"/>
              <a:gd name="T7" fmla="*/ 171 h 231"/>
              <a:gd name="T8" fmla="*/ 355 w 368"/>
              <a:gd name="T9" fmla="*/ 196 h 231"/>
              <a:gd name="T10" fmla="*/ 171 w 368"/>
              <a:gd name="T11" fmla="*/ 203 h 23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368" h="231">
                <a:moveTo>
                  <a:pt x="171" y="203"/>
                </a:moveTo>
                <a:cubicBezTo>
                  <a:pt x="108" y="174"/>
                  <a:pt x="64" y="85"/>
                  <a:pt x="0" y="13"/>
                </a:cubicBezTo>
                <a:cubicBezTo>
                  <a:pt x="91" y="8"/>
                  <a:pt x="182" y="0"/>
                  <a:pt x="257" y="34"/>
                </a:cubicBezTo>
                <a:cubicBezTo>
                  <a:pt x="317" y="62"/>
                  <a:pt x="351" y="112"/>
                  <a:pt x="366" y="171"/>
                </a:cubicBezTo>
                <a:cubicBezTo>
                  <a:pt x="368" y="181"/>
                  <a:pt x="364" y="191"/>
                  <a:pt x="355" y="196"/>
                </a:cubicBezTo>
                <a:cubicBezTo>
                  <a:pt x="309" y="224"/>
                  <a:pt x="234" y="231"/>
                  <a:pt x="171" y="203"/>
                </a:cubicBezTo>
              </a:path>
            </a:pathLst>
          </a:custGeom>
          <a:solidFill>
            <a:srgbClr val="00874D"/>
          </a:solidFill>
          <a:ln>
            <a:noFill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endParaRPr lang="en-US" sz="1350" dirty="0"/>
          </a:p>
        </p:txBody>
      </p:sp>
      <p:sp>
        <p:nvSpPr>
          <p:cNvPr id="10" name="Dynamic legal" descr="{&quot;templafy&quot;:{&quot;id&quot;:&quot;4c3a80cc-2419-4f27-9104-98e6c510382f&quot;}}">
            <a:extLst>
              <a:ext uri="{FF2B5EF4-FFF2-40B4-BE49-F238E27FC236}">
                <a16:creationId xmlns:a16="http://schemas.microsoft.com/office/drawing/2014/main" id="{D89E77FF-3DEF-DFD3-5B52-E02AA9C5FF8B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11" name="Dynmic Internal use only" descr="{&quot;templafy&quot;:{&quot;id&quot;:&quot;9790849c-4ad0-4458-9a7e-6268e2e35deb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6296B649-CC07-9887-3448-0C36DA97FB33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861EB034-F143-7E3F-9946-80073EC41E5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270001" y="6067944"/>
            <a:ext cx="593999" cy="430177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70000" y="720000"/>
            <a:ext cx="4236300" cy="5180400"/>
          </a:xfrm>
        </p:spPr>
        <p:txBody>
          <a:bodyPr lIns="0" tIns="0" rIns="0" bIns="0" anchor="ctr" anchorCtr="0"/>
          <a:lstStyle>
            <a:lvl1pPr algn="l">
              <a:lnSpc>
                <a:spcPct val="90000"/>
              </a:lnSpc>
              <a:defRPr sz="4050" cap="none" baseline="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Breaker title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A59CCEE-2DD0-A9F2-0238-6B8569922EFA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>
          <a:xfrm>
            <a:off x="7415695" y="6318000"/>
            <a:ext cx="1189205" cy="1800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algn="r"/>
            <a:fld id="{BDE4177B-E6D7-4A7E-AF01-151DB451D720}" type="datetime4">
              <a:rPr lang="en-US" smtClean="0"/>
              <a:t>March 4, 2025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7C71ADD-5C7E-6377-2B7F-2E76A2F1BB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291435F-EBA9-9A2E-CA47-D518A47DCE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1854398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 p14:bounceEnd="24000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 p14:presetBounceEnd="24000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 p14:bounceEnd="24000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Choice>
    <mc:Fallback xmlns="">
      <p:timing>
        <p:tnLst>
          <p:par>
            <p:cTn id="1" dur="indefinite" restart="never" nodeType="tmRoot">
              <p:childTnLst>
                <p:seq concurrent="1" nextAc="seek">
                  <p:cTn id="2" dur="indefinite" nodeType="mainSeq">
                    <p:childTnLst>
                      <p:par>
                        <p:cTn id="3" fill="hold">
                          <p:stCondLst>
                            <p:cond delay="indefinite"/>
                            <p:cond evt="onBegin" delay="0">
                              <p:tn val="2"/>
                            </p:cond>
                          </p:stCondLst>
                          <p:childTnLst>
                            <p:par>
                              <p:cTn id="4" fill="hold">
                                <p:stCondLst>
                                  <p:cond delay="0"/>
                                </p:stCondLst>
                                <p:childTnLst>
                                  <p:par>
                                    <p:cTn id="5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0.00963 -0.02199 L 0.00963 -0.02175 C 0.01107 -0.01712 0.01263 -0.01226 0.0138 -0.00717 C 0.01523 -0.00208 0.01406 -0.00023 0.01797 0.00209 C 0.02031 0.00325 0.02291 0.00325 0.02526 0.00394 C 0.0263 0.0044 0.02734 0.00487 0.02838 0.00579 C 0.02982 0.00672 0.03112 0.00834 0.03255 0.0095 C 0.03489 0.01088 0.03737 0.01181 0.03984 0.0132 C 0.04023 0.01065 0.04114 0.00811 0.04088 0.00579 C 0.04049 0.00209 0.03893 -0.00069 0.03776 -0.00347 C 0.03242 -0.01805 0.03659 -0.00393 0.03255 -0.01828 C 0.03502 -0.04027 0.03594 -0.03101 0.03255 -0.04606 C 0.02982 -0.02638 0.0332 -0.02962 0.02109 -0.03495 C 0.02005 -0.03564 0.01901 -0.03634 0.01797 -0.0368 C 0.01693 -0.03865 0.01614 -0.04097 0.01484 -0.04236 C 0.01172 -0.04652 0.01015 -0.04629 0.00651 -0.04791 C 0.00547 -0.04861 0.00443 -0.0493 0.00351 -0.04976 C 0.00416 -0.04745 0.0043 -0.04421 0.00547 -0.04236 C 0.00729 -0.04004 0.01172 -0.03865 0.01172 -0.03842 C 0.01276 -0.0368 0.01367 -0.03472 0.01484 -0.0331 C 0.01823 -0.02916 0.02161 -0.03402 0.01276 -0.02754 C 0.01159 -0.02129 0.01015 -0.02291 0.00963 -0.02199 Z " pathEditMode="relative" rAng="0" ptsTypes="AAAAAAAAAAAAAAAAAAAAAA">
                                          <p:cBhvr>
                                            <p:cTn id="6" dur="20000" fill="hold"/>
                                            <p:tgtEl>
                                              <p:spTgt spid="8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1250" y="370"/>
                                        </p:animMotion>
                                      </p:childTnLst>
                                    </p:cTn>
                                  </p:par>
                                  <p:par>
                                    <p:cTn id="7" presetID="0" presetClass="path" presetSubtype="0" repeatCount="indefinite" accel="29000" autoRev="1" fill="hold" grpId="0" nodeType="withEffect">
                                      <p:stCondLst>
                                        <p:cond delay="0"/>
                                      </p:stCondLst>
                                      <p:childTnLst>
                                        <p:animMotion origin="layout" path="M -0.00013 -0.0074 L -0.00039 -0.00694 C -0.00325 -0.00555 -0.00612 -0.00416 -0.00937 -0.00347 C -0.0125 -0.00231 -0.01302 -0.00532 -0.01497 0.0007 C -0.01627 0.0044 -0.01666 0.0095 -0.01809 0.01274 C -0.01888 0.01505 -0.0194 0.01667 -0.01953 0.01528 C -0.02109 0.02037 -0.02226 0.02223 -0.0233 0.02431 C -0.0246 0.02801 -0.02578 0.03102 -0.02721 0.03588 C -0.02591 0.03727 -0.02474 0.03959 -0.02343 0.03959 C -0.02122 0.03936 -0.0194 0.03797 -0.01757 0.03588 C -0.00768 0.03125 -0.01705 0.03473 -0.0082 0.03149 C 0.00313 0.04144 -0.00065 0.03982 0.00678 0.03843 C -0.00156 0.02825 -0.00221 0.03565 0.00417 0.01575 C 0.00508 0.01459 0.00599 0.01204 0.00586 0.01135 C 0.00691 0.00996 0.00873 0.00903 0.00951 0.00741 C 0.0129 0.00209 0.0129 -4.44444E-6 0.01472 -0.00625 C 0.0155 -0.00856 0.01615 -0.00995 0.01641 -0.01018 C 0.01485 -0.00972 0.01368 -0.01064 0.01211 -0.01018 C 0.01016 -0.00625 0.00886 0.00116 0.00873 -4.44444E-6 C 0.00704 0.00232 0.0056 0.00348 0.00482 0.00487 C 0.00144 0.00973 0.0043 0.01528 0.00196 -4.44444E-6 C -0.00104 -0.00416 0.00105 -0.00694 -0.00013 -0.0074 Z " pathEditMode="relative" rAng="6300000" ptsTypes="AAAAAAAAAAAAAAAAAAAAAA">
                                          <p:cBhvr>
                                            <p:cTn id="8" dur="20000" fill="hold"/>
                                            <p:tgtEl>
                                              <p:spTgt spid="4"/>
                                            </p:tgtEl>
                                            <p:attrNameLst>
                                              <p:attrName>ppt_x</p:attrName>
                                              <p:attrName>ppt_y</p:attrName>
                                            </p:attrNameLst>
                                          </p:cBhvr>
                                          <p:rCtr x="-534" y="2106"/>
                                        </p:animMotion>
                                      </p:childTnLst>
                                    </p:cTn>
                                  </p:par>
                                </p:childTnLst>
                              </p:cTn>
                            </p:par>
                          </p:childTnLst>
                        </p:cTn>
                      </p:par>
                    </p:childTnLst>
                  </p:cTn>
                  <p:prevCondLst>
                    <p:cond evt="onPrev" delay="0">
                      <p:tgtEl>
                        <p:sldTgt/>
                      </p:tgtEl>
                    </p:cond>
                  </p:prevCondLst>
                  <p:nextCondLst>
                    <p:cond evt="onNext" delay="0">
                      <p:tgtEl>
                        <p:sldTgt/>
                      </p:tgtEl>
                    </p:cond>
                  </p:nextCondLst>
                </p:seq>
              </p:childTnLst>
            </p:cTn>
          </p:par>
        </p:tnLst>
        <p:bldLst>
          <p:bldP spid="4" grpId="0" animBg="1"/>
          <p:bldP spid="8" grpId="0" animBg="1"/>
        </p:bldLst>
      </p:timing>
    </mc:Fallback>
  </mc:AlternateContent>
  <p:extLst>
    <p:ext uri="{DCECCB84-F9BA-43D5-87BE-67443E8EF086}">
      <p15:sldGuideLst xmlns:p15="http://schemas.microsoft.com/office/powerpoint/2012/main">
        <p15:guide id="1" orient="horz" pos="453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7" Type="http://schemas.openxmlformats.org/officeDocument/2006/relationships/image" Target="../media/image5.png"/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5.xml"/><Relationship Id="rId18" Type="http://schemas.openxmlformats.org/officeDocument/2006/relationships/slideLayout" Target="../slideLayouts/slideLayout30.xml"/><Relationship Id="rId26" Type="http://schemas.openxmlformats.org/officeDocument/2006/relationships/tags" Target="../tags/tag2.xml"/><Relationship Id="rId39" Type="http://schemas.openxmlformats.org/officeDocument/2006/relationships/tags" Target="../tags/tag15.xml"/><Relationship Id="rId21" Type="http://schemas.openxmlformats.org/officeDocument/2006/relationships/slideLayout" Target="../slideLayouts/slideLayout33.xml"/><Relationship Id="rId34" Type="http://schemas.openxmlformats.org/officeDocument/2006/relationships/tags" Target="../tags/tag10.xml"/><Relationship Id="rId42" Type="http://schemas.openxmlformats.org/officeDocument/2006/relationships/tags" Target="../tags/tag18.xml"/><Relationship Id="rId47" Type="http://schemas.openxmlformats.org/officeDocument/2006/relationships/tags" Target="../tags/tag23.xml"/><Relationship Id="rId50" Type="http://schemas.openxmlformats.org/officeDocument/2006/relationships/image" Target="../media/image7.svg"/><Relationship Id="rId7" Type="http://schemas.openxmlformats.org/officeDocument/2006/relationships/slideLayout" Target="../slideLayouts/slideLayout19.xml"/><Relationship Id="rId2" Type="http://schemas.openxmlformats.org/officeDocument/2006/relationships/slideLayout" Target="../slideLayouts/slideLayout14.xml"/><Relationship Id="rId16" Type="http://schemas.openxmlformats.org/officeDocument/2006/relationships/slideLayout" Target="../slideLayouts/slideLayout28.xml"/><Relationship Id="rId29" Type="http://schemas.openxmlformats.org/officeDocument/2006/relationships/tags" Target="../tags/tag5.xml"/><Relationship Id="rId11" Type="http://schemas.openxmlformats.org/officeDocument/2006/relationships/slideLayout" Target="../slideLayouts/slideLayout23.xml"/><Relationship Id="rId24" Type="http://schemas.openxmlformats.org/officeDocument/2006/relationships/slideLayout" Target="../slideLayouts/slideLayout36.xml"/><Relationship Id="rId32" Type="http://schemas.openxmlformats.org/officeDocument/2006/relationships/tags" Target="../tags/tag8.xml"/><Relationship Id="rId37" Type="http://schemas.openxmlformats.org/officeDocument/2006/relationships/tags" Target="../tags/tag13.xml"/><Relationship Id="rId40" Type="http://schemas.openxmlformats.org/officeDocument/2006/relationships/tags" Target="../tags/tag16.xml"/><Relationship Id="rId45" Type="http://schemas.openxmlformats.org/officeDocument/2006/relationships/tags" Target="../tags/tag21.xml"/><Relationship Id="rId5" Type="http://schemas.openxmlformats.org/officeDocument/2006/relationships/slideLayout" Target="../slideLayouts/slideLayout17.xml"/><Relationship Id="rId15" Type="http://schemas.openxmlformats.org/officeDocument/2006/relationships/slideLayout" Target="../slideLayouts/slideLayout27.xml"/><Relationship Id="rId23" Type="http://schemas.openxmlformats.org/officeDocument/2006/relationships/slideLayout" Target="../slideLayouts/slideLayout35.xml"/><Relationship Id="rId28" Type="http://schemas.openxmlformats.org/officeDocument/2006/relationships/tags" Target="../tags/tag4.xml"/><Relationship Id="rId36" Type="http://schemas.openxmlformats.org/officeDocument/2006/relationships/tags" Target="../tags/tag12.xml"/><Relationship Id="rId49" Type="http://schemas.openxmlformats.org/officeDocument/2006/relationships/image" Target="../media/image6.png"/><Relationship Id="rId10" Type="http://schemas.openxmlformats.org/officeDocument/2006/relationships/slideLayout" Target="../slideLayouts/slideLayout22.xml"/><Relationship Id="rId19" Type="http://schemas.openxmlformats.org/officeDocument/2006/relationships/slideLayout" Target="../slideLayouts/slideLayout31.xml"/><Relationship Id="rId31" Type="http://schemas.openxmlformats.org/officeDocument/2006/relationships/tags" Target="../tags/tag7.xml"/><Relationship Id="rId44" Type="http://schemas.openxmlformats.org/officeDocument/2006/relationships/tags" Target="../tags/tag20.xml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Relationship Id="rId14" Type="http://schemas.openxmlformats.org/officeDocument/2006/relationships/slideLayout" Target="../slideLayouts/slideLayout26.xml"/><Relationship Id="rId22" Type="http://schemas.openxmlformats.org/officeDocument/2006/relationships/slideLayout" Target="../slideLayouts/slideLayout34.xml"/><Relationship Id="rId27" Type="http://schemas.openxmlformats.org/officeDocument/2006/relationships/tags" Target="../tags/tag3.xml"/><Relationship Id="rId30" Type="http://schemas.openxmlformats.org/officeDocument/2006/relationships/tags" Target="../tags/tag6.xml"/><Relationship Id="rId35" Type="http://schemas.openxmlformats.org/officeDocument/2006/relationships/tags" Target="../tags/tag11.xml"/><Relationship Id="rId43" Type="http://schemas.openxmlformats.org/officeDocument/2006/relationships/tags" Target="../tags/tag19.xml"/><Relationship Id="rId48" Type="http://schemas.openxmlformats.org/officeDocument/2006/relationships/tags" Target="../tags/tag24.xml"/><Relationship Id="rId8" Type="http://schemas.openxmlformats.org/officeDocument/2006/relationships/slideLayout" Target="../slideLayouts/slideLayout20.xml"/><Relationship Id="rId3" Type="http://schemas.openxmlformats.org/officeDocument/2006/relationships/slideLayout" Target="../slideLayouts/slideLayout15.xml"/><Relationship Id="rId12" Type="http://schemas.openxmlformats.org/officeDocument/2006/relationships/slideLayout" Target="../slideLayouts/slideLayout24.xml"/><Relationship Id="rId17" Type="http://schemas.openxmlformats.org/officeDocument/2006/relationships/slideLayout" Target="../slideLayouts/slideLayout29.xml"/><Relationship Id="rId25" Type="http://schemas.openxmlformats.org/officeDocument/2006/relationships/theme" Target="../theme/theme3.xml"/><Relationship Id="rId33" Type="http://schemas.openxmlformats.org/officeDocument/2006/relationships/tags" Target="../tags/tag9.xml"/><Relationship Id="rId38" Type="http://schemas.openxmlformats.org/officeDocument/2006/relationships/tags" Target="../tags/tag14.xml"/><Relationship Id="rId46" Type="http://schemas.openxmlformats.org/officeDocument/2006/relationships/tags" Target="../tags/tag22.xml"/><Relationship Id="rId20" Type="http://schemas.openxmlformats.org/officeDocument/2006/relationships/slideLayout" Target="../slideLayouts/slideLayout32.xml"/><Relationship Id="rId41" Type="http://schemas.openxmlformats.org/officeDocument/2006/relationships/tags" Target="../tags/tag17.xml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theme" Target="../theme/theme4.xml"/><Relationship Id="rId3" Type="http://schemas.openxmlformats.org/officeDocument/2006/relationships/slideLayout" Target="../slideLayouts/slideLayout39.xml"/><Relationship Id="rId7" Type="http://schemas.openxmlformats.org/officeDocument/2006/relationships/slideLayout" Target="../slideLayouts/slideLayout43.xml"/><Relationship Id="rId2" Type="http://schemas.openxmlformats.org/officeDocument/2006/relationships/slideLayout" Target="../slideLayouts/slideLayout38.xml"/><Relationship Id="rId1" Type="http://schemas.openxmlformats.org/officeDocument/2006/relationships/slideLayout" Target="../slideLayouts/slideLayout37.xml"/><Relationship Id="rId6" Type="http://schemas.openxmlformats.org/officeDocument/2006/relationships/slideLayout" Target="../slideLayouts/slideLayout42.xml"/><Relationship Id="rId5" Type="http://schemas.openxmlformats.org/officeDocument/2006/relationships/slideLayout" Target="../slideLayouts/slideLayout41.xml"/><Relationship Id="rId4" Type="http://schemas.openxmlformats.org/officeDocument/2006/relationships/slideLayout" Target="../slideLayouts/slideLayout40.xml"/><Relationship Id="rId9" Type="http://schemas.openxmlformats.org/officeDocument/2006/relationships/image" Target="../media/image22.png"/></Relationships>
</file>

<file path=ppt/slideMasters/_rels/slideMaster5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69.xml"/><Relationship Id="rId21" Type="http://schemas.openxmlformats.org/officeDocument/2006/relationships/slideLayout" Target="../slideLayouts/slideLayout64.xml"/><Relationship Id="rId34" Type="http://schemas.openxmlformats.org/officeDocument/2006/relationships/slideLayout" Target="../slideLayouts/slideLayout77.xml"/><Relationship Id="rId42" Type="http://schemas.openxmlformats.org/officeDocument/2006/relationships/tags" Target="../tags/tag25.xml"/><Relationship Id="rId47" Type="http://schemas.openxmlformats.org/officeDocument/2006/relationships/tags" Target="../tags/tag30.xml"/><Relationship Id="rId50" Type="http://schemas.openxmlformats.org/officeDocument/2006/relationships/tags" Target="../tags/tag33.xml"/><Relationship Id="rId55" Type="http://schemas.openxmlformats.org/officeDocument/2006/relationships/tags" Target="../tags/tag38.xml"/><Relationship Id="rId63" Type="http://schemas.openxmlformats.org/officeDocument/2006/relationships/tags" Target="../tags/tag46.xml"/><Relationship Id="rId7" Type="http://schemas.openxmlformats.org/officeDocument/2006/relationships/slideLayout" Target="../slideLayouts/slideLayout50.xml"/><Relationship Id="rId2" Type="http://schemas.openxmlformats.org/officeDocument/2006/relationships/slideLayout" Target="../slideLayouts/slideLayout45.xml"/><Relationship Id="rId16" Type="http://schemas.openxmlformats.org/officeDocument/2006/relationships/slideLayout" Target="../slideLayouts/slideLayout59.xml"/><Relationship Id="rId29" Type="http://schemas.openxmlformats.org/officeDocument/2006/relationships/slideLayout" Target="../slideLayouts/slideLayout72.xml"/><Relationship Id="rId11" Type="http://schemas.openxmlformats.org/officeDocument/2006/relationships/slideLayout" Target="../slideLayouts/slideLayout54.xml"/><Relationship Id="rId24" Type="http://schemas.openxmlformats.org/officeDocument/2006/relationships/slideLayout" Target="../slideLayouts/slideLayout67.xml"/><Relationship Id="rId32" Type="http://schemas.openxmlformats.org/officeDocument/2006/relationships/slideLayout" Target="../slideLayouts/slideLayout75.xml"/><Relationship Id="rId37" Type="http://schemas.openxmlformats.org/officeDocument/2006/relationships/slideLayout" Target="../slideLayouts/slideLayout80.xml"/><Relationship Id="rId40" Type="http://schemas.openxmlformats.org/officeDocument/2006/relationships/slideLayout" Target="../slideLayouts/slideLayout83.xml"/><Relationship Id="rId45" Type="http://schemas.openxmlformats.org/officeDocument/2006/relationships/tags" Target="../tags/tag28.xml"/><Relationship Id="rId53" Type="http://schemas.openxmlformats.org/officeDocument/2006/relationships/tags" Target="../tags/tag36.xml"/><Relationship Id="rId58" Type="http://schemas.openxmlformats.org/officeDocument/2006/relationships/tags" Target="../tags/tag41.xml"/><Relationship Id="rId66" Type="http://schemas.openxmlformats.org/officeDocument/2006/relationships/image" Target="../media/image7.svg"/><Relationship Id="rId5" Type="http://schemas.openxmlformats.org/officeDocument/2006/relationships/slideLayout" Target="../slideLayouts/slideLayout48.xml"/><Relationship Id="rId61" Type="http://schemas.openxmlformats.org/officeDocument/2006/relationships/tags" Target="../tags/tag44.xml"/><Relationship Id="rId19" Type="http://schemas.openxmlformats.org/officeDocument/2006/relationships/slideLayout" Target="../slideLayouts/slideLayout62.xml"/><Relationship Id="rId14" Type="http://schemas.openxmlformats.org/officeDocument/2006/relationships/slideLayout" Target="../slideLayouts/slideLayout57.xml"/><Relationship Id="rId22" Type="http://schemas.openxmlformats.org/officeDocument/2006/relationships/slideLayout" Target="../slideLayouts/slideLayout65.xml"/><Relationship Id="rId27" Type="http://schemas.openxmlformats.org/officeDocument/2006/relationships/slideLayout" Target="../slideLayouts/slideLayout70.xml"/><Relationship Id="rId30" Type="http://schemas.openxmlformats.org/officeDocument/2006/relationships/slideLayout" Target="../slideLayouts/slideLayout73.xml"/><Relationship Id="rId35" Type="http://schemas.openxmlformats.org/officeDocument/2006/relationships/slideLayout" Target="../slideLayouts/slideLayout78.xml"/><Relationship Id="rId43" Type="http://schemas.openxmlformats.org/officeDocument/2006/relationships/tags" Target="../tags/tag26.xml"/><Relationship Id="rId48" Type="http://schemas.openxmlformats.org/officeDocument/2006/relationships/tags" Target="../tags/tag31.xml"/><Relationship Id="rId56" Type="http://schemas.openxmlformats.org/officeDocument/2006/relationships/tags" Target="../tags/tag39.xml"/><Relationship Id="rId64" Type="http://schemas.openxmlformats.org/officeDocument/2006/relationships/tags" Target="../tags/tag47.xml"/><Relationship Id="rId8" Type="http://schemas.openxmlformats.org/officeDocument/2006/relationships/slideLayout" Target="../slideLayouts/slideLayout51.xml"/><Relationship Id="rId51" Type="http://schemas.openxmlformats.org/officeDocument/2006/relationships/tags" Target="../tags/tag34.xml"/><Relationship Id="rId3" Type="http://schemas.openxmlformats.org/officeDocument/2006/relationships/slideLayout" Target="../slideLayouts/slideLayout46.xml"/><Relationship Id="rId12" Type="http://schemas.openxmlformats.org/officeDocument/2006/relationships/slideLayout" Target="../slideLayouts/slideLayout55.xml"/><Relationship Id="rId17" Type="http://schemas.openxmlformats.org/officeDocument/2006/relationships/slideLayout" Target="../slideLayouts/slideLayout60.xml"/><Relationship Id="rId25" Type="http://schemas.openxmlformats.org/officeDocument/2006/relationships/slideLayout" Target="../slideLayouts/slideLayout68.xml"/><Relationship Id="rId33" Type="http://schemas.openxmlformats.org/officeDocument/2006/relationships/slideLayout" Target="../slideLayouts/slideLayout76.xml"/><Relationship Id="rId38" Type="http://schemas.openxmlformats.org/officeDocument/2006/relationships/slideLayout" Target="../slideLayouts/slideLayout81.xml"/><Relationship Id="rId46" Type="http://schemas.openxmlformats.org/officeDocument/2006/relationships/tags" Target="../tags/tag29.xml"/><Relationship Id="rId59" Type="http://schemas.openxmlformats.org/officeDocument/2006/relationships/tags" Target="../tags/tag42.xml"/><Relationship Id="rId20" Type="http://schemas.openxmlformats.org/officeDocument/2006/relationships/slideLayout" Target="../slideLayouts/slideLayout63.xml"/><Relationship Id="rId41" Type="http://schemas.openxmlformats.org/officeDocument/2006/relationships/theme" Target="../theme/theme5.xml"/><Relationship Id="rId54" Type="http://schemas.openxmlformats.org/officeDocument/2006/relationships/tags" Target="../tags/tag37.xml"/><Relationship Id="rId62" Type="http://schemas.openxmlformats.org/officeDocument/2006/relationships/tags" Target="../tags/tag45.xml"/><Relationship Id="rId1" Type="http://schemas.openxmlformats.org/officeDocument/2006/relationships/slideLayout" Target="../slideLayouts/slideLayout44.xml"/><Relationship Id="rId6" Type="http://schemas.openxmlformats.org/officeDocument/2006/relationships/slideLayout" Target="../slideLayouts/slideLayout49.xml"/><Relationship Id="rId15" Type="http://schemas.openxmlformats.org/officeDocument/2006/relationships/slideLayout" Target="../slideLayouts/slideLayout58.xml"/><Relationship Id="rId23" Type="http://schemas.openxmlformats.org/officeDocument/2006/relationships/slideLayout" Target="../slideLayouts/slideLayout66.xml"/><Relationship Id="rId28" Type="http://schemas.openxmlformats.org/officeDocument/2006/relationships/slideLayout" Target="../slideLayouts/slideLayout71.xml"/><Relationship Id="rId36" Type="http://schemas.openxmlformats.org/officeDocument/2006/relationships/slideLayout" Target="../slideLayouts/slideLayout79.xml"/><Relationship Id="rId49" Type="http://schemas.openxmlformats.org/officeDocument/2006/relationships/tags" Target="../tags/tag32.xml"/><Relationship Id="rId57" Type="http://schemas.openxmlformats.org/officeDocument/2006/relationships/tags" Target="../tags/tag40.xml"/><Relationship Id="rId10" Type="http://schemas.openxmlformats.org/officeDocument/2006/relationships/slideLayout" Target="../slideLayouts/slideLayout53.xml"/><Relationship Id="rId31" Type="http://schemas.openxmlformats.org/officeDocument/2006/relationships/slideLayout" Target="../slideLayouts/slideLayout74.xml"/><Relationship Id="rId44" Type="http://schemas.openxmlformats.org/officeDocument/2006/relationships/tags" Target="../tags/tag27.xml"/><Relationship Id="rId52" Type="http://schemas.openxmlformats.org/officeDocument/2006/relationships/tags" Target="../tags/tag35.xml"/><Relationship Id="rId60" Type="http://schemas.openxmlformats.org/officeDocument/2006/relationships/tags" Target="../tags/tag43.xml"/><Relationship Id="rId65" Type="http://schemas.openxmlformats.org/officeDocument/2006/relationships/image" Target="../media/image6.png"/><Relationship Id="rId4" Type="http://schemas.openxmlformats.org/officeDocument/2006/relationships/slideLayout" Target="../slideLayouts/slideLayout47.xml"/><Relationship Id="rId9" Type="http://schemas.openxmlformats.org/officeDocument/2006/relationships/slideLayout" Target="../slideLayouts/slideLayout52.xml"/><Relationship Id="rId13" Type="http://schemas.openxmlformats.org/officeDocument/2006/relationships/slideLayout" Target="../slideLayouts/slideLayout56.xml"/><Relationship Id="rId18" Type="http://schemas.openxmlformats.org/officeDocument/2006/relationships/slideLayout" Target="../slideLayouts/slideLayout61.xml"/><Relationship Id="rId39" Type="http://schemas.openxmlformats.org/officeDocument/2006/relationships/slideLayout" Target="../slideLayouts/slideLayout82.xml"/></Relationships>
</file>

<file path=ppt/slideMasters/_rels/slideMaster6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109.xml"/><Relationship Id="rId21" Type="http://schemas.openxmlformats.org/officeDocument/2006/relationships/slideLayout" Target="../slideLayouts/slideLayout104.xml"/><Relationship Id="rId34" Type="http://schemas.openxmlformats.org/officeDocument/2006/relationships/slideLayout" Target="../slideLayouts/slideLayout117.xml"/><Relationship Id="rId42" Type="http://schemas.openxmlformats.org/officeDocument/2006/relationships/tags" Target="../tags/tag48.xml"/><Relationship Id="rId47" Type="http://schemas.openxmlformats.org/officeDocument/2006/relationships/tags" Target="../tags/tag53.xml"/><Relationship Id="rId50" Type="http://schemas.openxmlformats.org/officeDocument/2006/relationships/tags" Target="../tags/tag56.xml"/><Relationship Id="rId55" Type="http://schemas.openxmlformats.org/officeDocument/2006/relationships/tags" Target="../tags/tag61.xml"/><Relationship Id="rId63" Type="http://schemas.openxmlformats.org/officeDocument/2006/relationships/tags" Target="../tags/tag69.xml"/><Relationship Id="rId7" Type="http://schemas.openxmlformats.org/officeDocument/2006/relationships/slideLayout" Target="../slideLayouts/slideLayout90.xml"/><Relationship Id="rId2" Type="http://schemas.openxmlformats.org/officeDocument/2006/relationships/slideLayout" Target="../slideLayouts/slideLayout85.xml"/><Relationship Id="rId16" Type="http://schemas.openxmlformats.org/officeDocument/2006/relationships/slideLayout" Target="../slideLayouts/slideLayout99.xml"/><Relationship Id="rId29" Type="http://schemas.openxmlformats.org/officeDocument/2006/relationships/slideLayout" Target="../slideLayouts/slideLayout112.xml"/><Relationship Id="rId11" Type="http://schemas.openxmlformats.org/officeDocument/2006/relationships/slideLayout" Target="../slideLayouts/slideLayout94.xml"/><Relationship Id="rId24" Type="http://schemas.openxmlformats.org/officeDocument/2006/relationships/slideLayout" Target="../slideLayouts/slideLayout107.xml"/><Relationship Id="rId32" Type="http://schemas.openxmlformats.org/officeDocument/2006/relationships/slideLayout" Target="../slideLayouts/slideLayout115.xml"/><Relationship Id="rId37" Type="http://schemas.openxmlformats.org/officeDocument/2006/relationships/slideLayout" Target="../slideLayouts/slideLayout120.xml"/><Relationship Id="rId40" Type="http://schemas.openxmlformats.org/officeDocument/2006/relationships/slideLayout" Target="../slideLayouts/slideLayout123.xml"/><Relationship Id="rId45" Type="http://schemas.openxmlformats.org/officeDocument/2006/relationships/tags" Target="../tags/tag51.xml"/><Relationship Id="rId53" Type="http://schemas.openxmlformats.org/officeDocument/2006/relationships/tags" Target="../tags/tag59.xml"/><Relationship Id="rId58" Type="http://schemas.openxmlformats.org/officeDocument/2006/relationships/tags" Target="../tags/tag64.xml"/><Relationship Id="rId66" Type="http://schemas.openxmlformats.org/officeDocument/2006/relationships/image" Target="../media/image31.svg"/><Relationship Id="rId5" Type="http://schemas.openxmlformats.org/officeDocument/2006/relationships/slideLayout" Target="../slideLayouts/slideLayout88.xml"/><Relationship Id="rId61" Type="http://schemas.openxmlformats.org/officeDocument/2006/relationships/tags" Target="../tags/tag67.xml"/><Relationship Id="rId19" Type="http://schemas.openxmlformats.org/officeDocument/2006/relationships/slideLayout" Target="../slideLayouts/slideLayout102.xml"/><Relationship Id="rId14" Type="http://schemas.openxmlformats.org/officeDocument/2006/relationships/slideLayout" Target="../slideLayouts/slideLayout97.xml"/><Relationship Id="rId22" Type="http://schemas.openxmlformats.org/officeDocument/2006/relationships/slideLayout" Target="../slideLayouts/slideLayout105.xml"/><Relationship Id="rId27" Type="http://schemas.openxmlformats.org/officeDocument/2006/relationships/slideLayout" Target="../slideLayouts/slideLayout110.xml"/><Relationship Id="rId30" Type="http://schemas.openxmlformats.org/officeDocument/2006/relationships/slideLayout" Target="../slideLayouts/slideLayout113.xml"/><Relationship Id="rId35" Type="http://schemas.openxmlformats.org/officeDocument/2006/relationships/slideLayout" Target="../slideLayouts/slideLayout118.xml"/><Relationship Id="rId43" Type="http://schemas.openxmlformats.org/officeDocument/2006/relationships/tags" Target="../tags/tag49.xml"/><Relationship Id="rId48" Type="http://schemas.openxmlformats.org/officeDocument/2006/relationships/tags" Target="../tags/tag54.xml"/><Relationship Id="rId56" Type="http://schemas.openxmlformats.org/officeDocument/2006/relationships/tags" Target="../tags/tag62.xml"/><Relationship Id="rId64" Type="http://schemas.openxmlformats.org/officeDocument/2006/relationships/tags" Target="../tags/tag70.xml"/><Relationship Id="rId8" Type="http://schemas.openxmlformats.org/officeDocument/2006/relationships/slideLayout" Target="../slideLayouts/slideLayout91.xml"/><Relationship Id="rId51" Type="http://schemas.openxmlformats.org/officeDocument/2006/relationships/tags" Target="../tags/tag57.xml"/><Relationship Id="rId3" Type="http://schemas.openxmlformats.org/officeDocument/2006/relationships/slideLayout" Target="../slideLayouts/slideLayout86.xml"/><Relationship Id="rId12" Type="http://schemas.openxmlformats.org/officeDocument/2006/relationships/slideLayout" Target="../slideLayouts/slideLayout95.xml"/><Relationship Id="rId17" Type="http://schemas.openxmlformats.org/officeDocument/2006/relationships/slideLayout" Target="../slideLayouts/slideLayout100.xml"/><Relationship Id="rId25" Type="http://schemas.openxmlformats.org/officeDocument/2006/relationships/slideLayout" Target="../slideLayouts/slideLayout108.xml"/><Relationship Id="rId33" Type="http://schemas.openxmlformats.org/officeDocument/2006/relationships/slideLayout" Target="../slideLayouts/slideLayout116.xml"/><Relationship Id="rId38" Type="http://schemas.openxmlformats.org/officeDocument/2006/relationships/slideLayout" Target="../slideLayouts/slideLayout121.xml"/><Relationship Id="rId46" Type="http://schemas.openxmlformats.org/officeDocument/2006/relationships/tags" Target="../tags/tag52.xml"/><Relationship Id="rId59" Type="http://schemas.openxmlformats.org/officeDocument/2006/relationships/tags" Target="../tags/tag65.xml"/><Relationship Id="rId20" Type="http://schemas.openxmlformats.org/officeDocument/2006/relationships/slideLayout" Target="../slideLayouts/slideLayout103.xml"/><Relationship Id="rId41" Type="http://schemas.openxmlformats.org/officeDocument/2006/relationships/theme" Target="../theme/theme6.xml"/><Relationship Id="rId54" Type="http://schemas.openxmlformats.org/officeDocument/2006/relationships/tags" Target="../tags/tag60.xml"/><Relationship Id="rId62" Type="http://schemas.openxmlformats.org/officeDocument/2006/relationships/tags" Target="../tags/tag68.xml"/><Relationship Id="rId1" Type="http://schemas.openxmlformats.org/officeDocument/2006/relationships/slideLayout" Target="../slideLayouts/slideLayout84.xml"/><Relationship Id="rId6" Type="http://schemas.openxmlformats.org/officeDocument/2006/relationships/slideLayout" Target="../slideLayouts/slideLayout89.xml"/><Relationship Id="rId15" Type="http://schemas.openxmlformats.org/officeDocument/2006/relationships/slideLayout" Target="../slideLayouts/slideLayout98.xml"/><Relationship Id="rId23" Type="http://schemas.openxmlformats.org/officeDocument/2006/relationships/slideLayout" Target="../slideLayouts/slideLayout106.xml"/><Relationship Id="rId28" Type="http://schemas.openxmlformats.org/officeDocument/2006/relationships/slideLayout" Target="../slideLayouts/slideLayout111.xml"/><Relationship Id="rId36" Type="http://schemas.openxmlformats.org/officeDocument/2006/relationships/slideLayout" Target="../slideLayouts/slideLayout119.xml"/><Relationship Id="rId49" Type="http://schemas.openxmlformats.org/officeDocument/2006/relationships/tags" Target="../tags/tag55.xml"/><Relationship Id="rId57" Type="http://schemas.openxmlformats.org/officeDocument/2006/relationships/tags" Target="../tags/tag63.xml"/><Relationship Id="rId10" Type="http://schemas.openxmlformats.org/officeDocument/2006/relationships/slideLayout" Target="../slideLayouts/slideLayout93.xml"/><Relationship Id="rId31" Type="http://schemas.openxmlformats.org/officeDocument/2006/relationships/slideLayout" Target="../slideLayouts/slideLayout114.xml"/><Relationship Id="rId44" Type="http://schemas.openxmlformats.org/officeDocument/2006/relationships/tags" Target="../tags/tag50.xml"/><Relationship Id="rId52" Type="http://schemas.openxmlformats.org/officeDocument/2006/relationships/tags" Target="../tags/tag58.xml"/><Relationship Id="rId60" Type="http://schemas.openxmlformats.org/officeDocument/2006/relationships/tags" Target="../tags/tag66.xml"/><Relationship Id="rId65" Type="http://schemas.openxmlformats.org/officeDocument/2006/relationships/image" Target="../media/image6.png"/><Relationship Id="rId4" Type="http://schemas.openxmlformats.org/officeDocument/2006/relationships/slideLayout" Target="../slideLayouts/slideLayout87.xml"/><Relationship Id="rId9" Type="http://schemas.openxmlformats.org/officeDocument/2006/relationships/slideLayout" Target="../slideLayouts/slideLayout92.xml"/><Relationship Id="rId13" Type="http://schemas.openxmlformats.org/officeDocument/2006/relationships/slideLayout" Target="../slideLayouts/slideLayout96.xml"/><Relationship Id="rId18" Type="http://schemas.openxmlformats.org/officeDocument/2006/relationships/slideLayout" Target="../slideLayouts/slideLayout101.xml"/><Relationship Id="rId39" Type="http://schemas.openxmlformats.org/officeDocument/2006/relationships/slideLayout" Target="../slideLayouts/slideLayout1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191813B5-2A41-5C27-B7E0-D603DEF4AE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8650" y="365126"/>
            <a:ext cx="78867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7243182-73AD-0D40-3DCC-23A18443DAF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28650" y="1825625"/>
            <a:ext cx="78867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marL="180000" marR="0" lvl="0" indent="-180000" algn="l" defTabSz="914400" rtl="0" eaLnBrk="1" fontAlgn="auto" latinLnBrk="0" hangingPunct="1">
              <a:lnSpc>
                <a:spcPct val="125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Verdana" panose="020B0604030504040204" pitchFamily="34" charset="0"/>
              <a:buChar char="•"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110081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Level 1</a:t>
            </a:r>
          </a:p>
          <a:p>
            <a:pPr marL="360000" marR="0" lvl="1" indent="-180000" algn="l" defTabSz="914400" rtl="0" eaLnBrk="1" fontAlgn="auto" latinLnBrk="0" hangingPunct="1">
              <a:lnSpc>
                <a:spcPct val="125000"/>
              </a:lnSpc>
              <a:spcBef>
                <a:spcPts val="0"/>
              </a:spcBef>
              <a:spcAft>
                <a:spcPts val="600"/>
              </a:spcAft>
              <a:buClrTx/>
              <a:buSzPct val="80000"/>
              <a:buFont typeface="Verdana" panose="020B0604030504040204" pitchFamily="34" charset="0"/>
              <a:buChar char="&gt;"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110081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Level 2</a:t>
            </a:r>
          </a:p>
          <a:p>
            <a:pPr marL="540000" marR="0" lvl="2" indent="-180000" algn="l" defTabSz="914400" rtl="0" eaLnBrk="1" fontAlgn="auto" latinLnBrk="0" hangingPunct="1">
              <a:lnSpc>
                <a:spcPct val="125000"/>
              </a:lnSpc>
              <a:spcBef>
                <a:spcPts val="0"/>
              </a:spcBef>
              <a:spcAft>
                <a:spcPts val="600"/>
              </a:spcAft>
              <a:buClrTx/>
              <a:buSzPct val="80000"/>
              <a:buFont typeface="Verdana" panose="020B0604030504040204" pitchFamily="34" charset="0"/>
              <a:buChar char="-"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110081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Level 3</a:t>
            </a:r>
          </a:p>
          <a:p>
            <a:pPr marL="0" marR="0" lvl="3" indent="0" algn="l" defTabSz="914400" rtl="0" eaLnBrk="1" fontAlgn="auto" latinLnBrk="0" hangingPunct="1">
              <a:lnSpc>
                <a:spcPct val="125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 typeface="Verdana" panose="020B0604030504040204" pitchFamily="34" charset="0"/>
              <a:buChar char="​"/>
              <a:tabLst/>
              <a:defRPr/>
            </a:pP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rgbClr val="110081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Level 4, Header</a:t>
            </a:r>
          </a:p>
          <a:p>
            <a:pPr marL="0" marR="0" lvl="4" indent="0" algn="l" defTabSz="914400" rtl="0" eaLnBrk="1" fontAlgn="auto" latinLnBrk="0" hangingPunct="1">
              <a:lnSpc>
                <a:spcPct val="125000"/>
              </a:lnSpc>
              <a:spcBef>
                <a:spcPts val="0"/>
              </a:spcBef>
              <a:spcAft>
                <a:spcPts val="1200"/>
              </a:spcAft>
              <a:buClrTx/>
              <a:buSzTx/>
              <a:buFont typeface="Verdana" panose="020B0604030504040204" pitchFamily="34" charset="0"/>
              <a:buChar char="​"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110081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Level 5, Body</a:t>
            </a:r>
          </a:p>
          <a:p>
            <a:pPr marL="0" marR="0" lvl="5" indent="0" algn="l" defTabSz="914400" rtl="0" eaLnBrk="1" fontAlgn="auto" latinLnBrk="0" hangingPunct="1">
              <a:lnSpc>
                <a:spcPct val="125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110081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Level 6</a:t>
            </a:r>
          </a:p>
          <a:p>
            <a:pPr marL="0" marR="0" lvl="6" indent="0" algn="l" defTabSz="914400" rtl="0" eaLnBrk="1" fontAlgn="auto" latinLnBrk="0" hangingPunct="1">
              <a:lnSpc>
                <a:spcPct val="125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Verdana" panose="020B0604030504040204" pitchFamily="34" charset="0"/>
              <a:buChar char="​"/>
              <a:tabLst/>
              <a:defRPr/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rgbClr val="110081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Level 7, Small Header</a:t>
            </a:r>
          </a:p>
          <a:p>
            <a:pPr marL="0" marR="0" lvl="7" indent="0" algn="l" defTabSz="914400" rtl="0" eaLnBrk="1" fontAlgn="auto" latinLnBrk="0" hangingPunct="1">
              <a:lnSpc>
                <a:spcPct val="125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Verdana" panose="020B0604030504040204" pitchFamily="34" charset="0"/>
              <a:buChar char="​"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srgbClr val="110081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Level 8, Small Body</a:t>
            </a:r>
          </a:p>
        </p:txBody>
      </p:sp>
      <p:sp>
        <p:nvSpPr>
          <p:cNvPr id="7" name="Dynamic legal" descr="{&quot;templafy&quot;:{&quot;id&quot;:&quot;a80d4bec-2344-471a-85dd-8f8e5dd21a30&quot;}}">
            <a:extLst>
              <a:ext uri="{FF2B5EF4-FFF2-40B4-BE49-F238E27FC236}">
                <a16:creationId xmlns:a16="http://schemas.microsoft.com/office/drawing/2014/main" id="{7159C02C-B3AB-A417-7F66-BA7C0C6C31C4}"/>
              </a:ext>
            </a:extLst>
          </p:cNvPr>
          <p:cNvSpPr txBox="1"/>
          <p:nvPr userDrawn="1"/>
        </p:nvSpPr>
        <p:spPr>
          <a:xfrm>
            <a:off x="0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Use and distribution limited solely to authorized personnel. © </a:t>
            </a:r>
            <a:fld id="{FA632621-E1E5-4E4D-A590-07826274663E}" type="datetimeyyyy">
              <a:rPr lang="en-US" sz="1000" smtClean="0">
                <a:solidFill>
                  <a:srgbClr val="FFFFFF"/>
                </a:solidFill>
                <a:latin typeface="Arial Narrow" panose="020B0606020202030204" pitchFamily="34" charset="0"/>
              </a:rPr>
              <a:t>2025</a:t>
            </a:fld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 The Cigna Group</a:t>
            </a:r>
          </a:p>
        </p:txBody>
      </p:sp>
      <p:sp>
        <p:nvSpPr>
          <p:cNvPr id="8" name="Slide Number Placeholder 8">
            <a:extLst>
              <a:ext uri="{FF2B5EF4-FFF2-40B4-BE49-F238E27FC236}">
                <a16:creationId xmlns:a16="http://schemas.microsoft.com/office/drawing/2014/main" id="{9E03F797-75ED-BA8A-3E3B-25393F3F275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 spc="0" baseline="0">
                <a:solidFill>
                  <a:schemeClr val="tx2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Date Placeholder 3">
            <a:extLst>
              <a:ext uri="{FF2B5EF4-FFF2-40B4-BE49-F238E27FC236}">
                <a16:creationId xmlns:a16="http://schemas.microsoft.com/office/drawing/2014/main" id="{8889CF24-542D-B355-6F23-E0927B08B7C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416403" y="6318000"/>
            <a:ext cx="118849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1000" kern="1200" spc="0" baseline="0" smtClean="0">
                <a:solidFill>
                  <a:schemeClr val="tx2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EB5DAEB8-8317-487B-A935-0CBFB1DDB2D5}" type="datetime4">
              <a:rPr lang="en-US" smtClean="0"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899273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2" r:id="rId3"/>
    <p:sldLayoutId id="2147483653" r:id="rId4"/>
    <p:sldLayoutId id="2147483654" r:id="rId5"/>
    <p:sldLayoutId id="2147483655" r:id="rId6"/>
    <p:sldLayoutId id="2147483656" r:id="rId7"/>
    <p:sldLayoutId id="2147483657" r:id="rId8"/>
    <p:sldLayoutId id="2147483658" r:id="rId9"/>
    <p:sldLayoutId id="2147483659" r:id="rId10"/>
    <p:sldLayoutId id="2147483660" r:id="rId11"/>
  </p:sldLayoutIdLst>
  <p:transition/>
  <p:hf sldNum="0"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tx2"/>
          </a:solidFill>
          <a:latin typeface="Verdana" panose="020B0604030504040204" pitchFamily="34" charset="0"/>
          <a:ea typeface="Verdana" panose="020B0604030504040204" pitchFamily="34" charset="0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Verdana" panose="020B0604030504040204" pitchFamily="34" charset="0"/>
          <a:ea typeface="Verdana" panose="020B0604030504040204" pitchFamily="34" charset="0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Verdana" panose="020B0604030504040204" pitchFamily="34" charset="0"/>
          <a:ea typeface="Verdana" panose="020B0604030504040204" pitchFamily="34" charset="0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Verdana" panose="020B0604030504040204" pitchFamily="34" charset="0"/>
          <a:ea typeface="Verdana" panose="020B0604030504040204" pitchFamily="34" charset="0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Verdana" panose="020B0604030504040204" pitchFamily="34" charset="0"/>
          <a:ea typeface="Verdana" panose="020B0604030504040204" pitchFamily="34" charset="0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Verdana" panose="020B0604030504040204" pitchFamily="34" charset="0"/>
          <a:ea typeface="Verdana" panose="020B0604030504040204" pitchFamily="34" charset="0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 userDrawn="1">
          <p15:clr>
            <a:srgbClr val="F26B43"/>
          </p15:clr>
        </p15:guide>
        <p15:guide id="2" pos="2880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Dynamic legal" descr="{&quot;templafy&quot;:{&quot;id&quot;:&quot;a80d4bec-2344-471a-85dd-8f8e5dd21a30&quot;}}">
            <a:extLst>
              <a:ext uri="{FF2B5EF4-FFF2-40B4-BE49-F238E27FC236}">
                <a16:creationId xmlns:a16="http://schemas.microsoft.com/office/drawing/2014/main" id="{53A152B0-E253-2F40-7F90-609EC7560AA2}"/>
              </a:ext>
            </a:extLst>
          </p:cNvPr>
          <p:cNvSpPr txBox="1"/>
          <p:nvPr userDrawn="1"/>
        </p:nvSpPr>
        <p:spPr>
          <a:xfrm>
            <a:off x="0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Use and distribution limited solely to authorized personnel. © </a:t>
            </a:r>
            <a:fld id="{AEC3F974-81E5-4F5A-9CAB-DADFE8A7C8D3}" type="datetimeyyyy">
              <a:rPr lang="en-US" sz="1000" smtClean="0">
                <a:solidFill>
                  <a:srgbClr val="FFFFFF"/>
                </a:solidFill>
                <a:latin typeface="Arial Narrow" panose="020B0606020202030204" pitchFamily="34" charset="0"/>
              </a:rPr>
              <a:t>2025</a:t>
            </a:fld>
            <a:r>
              <a:rPr lang="en-US" sz="1000" dirty="0">
                <a:solidFill>
                  <a:srgbClr val="FFFFFF"/>
                </a:solidFill>
                <a:latin typeface="Arial Narrow" panose="020B0606020202030204" pitchFamily="34" charset="0"/>
              </a:rPr>
              <a:t> The Cigna Group</a:t>
            </a:r>
          </a:p>
        </p:txBody>
      </p:sp>
      <p:pic>
        <p:nvPicPr>
          <p:cNvPr id="17" name="Picture 16" descr="A blue and green circle with white text&#10;&#10;Description automatically generated">
            <a:extLst>
              <a:ext uri="{FF2B5EF4-FFF2-40B4-BE49-F238E27FC236}">
                <a16:creationId xmlns:a16="http://schemas.microsoft.com/office/drawing/2014/main" id="{94EDF834-F24A-570F-84D9-D48A30A1AE5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5949" y="3367657"/>
            <a:ext cx="2400300" cy="1801608"/>
          </a:xfrm>
          <a:prstGeom prst="rect">
            <a:avLst/>
          </a:prstGeom>
        </p:spPr>
      </p:pic>
      <p:pic>
        <p:nvPicPr>
          <p:cNvPr id="19" name="Picture 18" descr="A blue background with a blue flower&#10;&#10;Description automatically generated">
            <a:extLst>
              <a:ext uri="{FF2B5EF4-FFF2-40B4-BE49-F238E27FC236}">
                <a16:creationId xmlns:a16="http://schemas.microsoft.com/office/drawing/2014/main" id="{518E626E-90BA-7B39-13FF-9850C4FA517D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71850" y="3367660"/>
            <a:ext cx="2400300" cy="1800571"/>
          </a:xfrm>
          <a:prstGeom prst="rect">
            <a:avLst/>
          </a:prstGeom>
        </p:spPr>
      </p:pic>
      <p:pic>
        <p:nvPicPr>
          <p:cNvPr id="21" name="Picture 20" descr="A green and white text on a blue background&#10;&#10;Description automatically generated">
            <a:extLst>
              <a:ext uri="{FF2B5EF4-FFF2-40B4-BE49-F238E27FC236}">
                <a16:creationId xmlns:a16="http://schemas.microsoft.com/office/drawing/2014/main" id="{6521739A-7729-9ED2-A9CD-A230F57A7E8E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27751" y="3367658"/>
            <a:ext cx="2400300" cy="1799654"/>
          </a:xfrm>
          <a:prstGeom prst="rect">
            <a:avLst/>
          </a:prstGeom>
        </p:spPr>
      </p:pic>
      <p:sp>
        <p:nvSpPr>
          <p:cNvPr id="22" name="TextBox 21">
            <a:extLst>
              <a:ext uri="{FF2B5EF4-FFF2-40B4-BE49-F238E27FC236}">
                <a16:creationId xmlns:a16="http://schemas.microsoft.com/office/drawing/2014/main" id="{F6D21AE3-0B22-17CB-F7DD-3E1487181A6F}"/>
              </a:ext>
            </a:extLst>
          </p:cNvPr>
          <p:cNvSpPr txBox="1"/>
          <p:nvPr userDrawn="1"/>
        </p:nvSpPr>
        <p:spPr>
          <a:xfrm>
            <a:off x="638963" y="5251056"/>
            <a:ext cx="248759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b="1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The Cigna Group</a:t>
            </a:r>
          </a:p>
        </p:txBody>
      </p:sp>
      <p:sp>
        <p:nvSpPr>
          <p:cNvPr id="23" name="Title Placeholder 1">
            <a:extLst>
              <a:ext uri="{FF2B5EF4-FFF2-40B4-BE49-F238E27FC236}">
                <a16:creationId xmlns:a16="http://schemas.microsoft.com/office/drawing/2014/main" id="{219143BF-AC13-FB37-8DEB-97A7E1E9AF04}"/>
              </a:ext>
            </a:extLst>
          </p:cNvPr>
          <p:cNvSpPr txBox="1">
            <a:spLocks/>
          </p:cNvSpPr>
          <p:nvPr userDrawn="1"/>
        </p:nvSpPr>
        <p:spPr>
          <a:xfrm>
            <a:off x="628650" y="1495840"/>
            <a:ext cx="8067028" cy="642242"/>
          </a:xfrm>
          <a:prstGeom prst="rect">
            <a:avLst/>
          </a:prstGeom>
        </p:spPr>
        <p:txBody>
          <a:bodyPr vert="horz" lIns="91440" tIns="45720" rIns="91440" bIns="45720" rtlCol="0" anchor="ctr">
            <a:normAutofit fontScale="85000" lnSpcReduction="10000"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  <a:cs typeface="Arial" panose="020B0604020202020204" pitchFamily="34" charset="0"/>
              </a:defRPr>
            </a:lvl1pPr>
          </a:lstStyle>
          <a:p>
            <a:r>
              <a:rPr lang="en-US" sz="1800" dirty="0"/>
              <a:t>Click “</a:t>
            </a:r>
            <a:r>
              <a:rPr lang="en-US" sz="1800" b="1" dirty="0"/>
              <a:t>Find Template” </a:t>
            </a:r>
            <a:r>
              <a:rPr lang="en-US" sz="1800" dirty="0"/>
              <a:t>from the top ribbon or within the Templafy task pane</a:t>
            </a:r>
            <a:br>
              <a:rPr lang="en-US" sz="1800" dirty="0"/>
            </a:br>
            <a:r>
              <a:rPr lang="en-US" sz="1800" dirty="0"/>
              <a:t>to use a branded template when creating content on behalf of the enterprise.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8E612BE-4150-E7D7-D7D6-023E8F098228}"/>
              </a:ext>
            </a:extLst>
          </p:cNvPr>
          <p:cNvSpPr txBox="1"/>
          <p:nvPr userDrawn="1"/>
        </p:nvSpPr>
        <p:spPr>
          <a:xfrm>
            <a:off x="3289708" y="5251056"/>
            <a:ext cx="248759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b="1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Cigna Healthcare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09E1445C-0B27-FA6C-2587-D5B90ECEB9EF}"/>
              </a:ext>
            </a:extLst>
          </p:cNvPr>
          <p:cNvSpPr txBox="1"/>
          <p:nvPr userDrawn="1"/>
        </p:nvSpPr>
        <p:spPr>
          <a:xfrm>
            <a:off x="5950764" y="5251055"/>
            <a:ext cx="2564586" cy="96949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Aft>
                <a:spcPts val="600"/>
              </a:spcAft>
            </a:pPr>
            <a:r>
              <a:rPr lang="en-US" sz="1200" b="1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Evernorth Health Services</a:t>
            </a:r>
          </a:p>
          <a:p>
            <a:r>
              <a:rPr lang="en-US" sz="1000" b="0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(Including all sub-brands aligned to Evernorth; choose the Evernorth template then select</a:t>
            </a:r>
            <a:br>
              <a:rPr lang="en-US" sz="1000" b="0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</a:br>
            <a:r>
              <a:rPr lang="en-US" sz="1000" b="0" dirty="0">
                <a:solidFill>
                  <a:schemeClr val="tx2"/>
                </a:solidFill>
                <a:latin typeface="Verdana" panose="020B0604030504040204" pitchFamily="34" charset="0"/>
                <a:ea typeface="Verdana" panose="020B0604030504040204" pitchFamily="34" charset="0"/>
              </a:rPr>
              <a:t>the sub-brand)</a:t>
            </a:r>
          </a:p>
        </p:txBody>
      </p:sp>
      <p:pic>
        <p:nvPicPr>
          <p:cNvPr id="28" name="Picture 27" descr="A screenshot of a computer&#10;&#10;Description automatically generated">
            <a:extLst>
              <a:ext uri="{FF2B5EF4-FFF2-40B4-BE49-F238E27FC236}">
                <a16:creationId xmlns:a16="http://schemas.microsoft.com/office/drawing/2014/main" id="{6FF9BCC5-39CF-5C83-87FE-599B647D84DC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8649" y="2219873"/>
            <a:ext cx="1446020" cy="883997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ED2C024C-8E15-D89E-960D-08CD7EB2C756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509085" y="168532"/>
            <a:ext cx="8006266" cy="1322947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C4D7A0CC-43E6-FF18-E024-685A3F6CAC23}"/>
              </a:ext>
            </a:extLst>
          </p:cNvPr>
          <p:cNvSpPr/>
          <p:nvPr userDrawn="1"/>
        </p:nvSpPr>
        <p:spPr>
          <a:xfrm>
            <a:off x="1046748" y="2440691"/>
            <a:ext cx="783772" cy="256032"/>
          </a:xfrm>
          <a:prstGeom prst="rect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 dirty="0"/>
          </a:p>
        </p:txBody>
      </p:sp>
    </p:spTree>
    <p:extLst>
      <p:ext uri="{BB962C8B-B14F-4D97-AF65-F5344CB8AC3E}">
        <p14:creationId xmlns:p14="http://schemas.microsoft.com/office/powerpoint/2010/main" val="214313369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5" r:id="rId1"/>
  </p:sldLayoutIdLst>
  <p:hf sldNum="0"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tx2"/>
          </a:solidFill>
          <a:latin typeface="Verdana" panose="020B0604030504040204" pitchFamily="34" charset="0"/>
          <a:ea typeface="Verdana" panose="020B0604030504040204" pitchFamily="34" charset="0"/>
          <a:cs typeface="Arial" panose="020B0604020202020204" pitchFamily="34" charset="0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160" userDrawn="1">
          <p15:clr>
            <a:srgbClr val="F26B43"/>
          </p15:clr>
        </p15:guide>
        <p15:guide id="2" pos="2880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3" name="Group guide" hidden="1">
            <a:extLst>
              <a:ext uri="{FF2B5EF4-FFF2-40B4-BE49-F238E27FC236}">
                <a16:creationId xmlns:a16="http://schemas.microsoft.com/office/drawing/2014/main" id="{AF56D866-B789-C130-77E4-8967E377B6C7}"/>
              </a:ext>
            </a:extLst>
          </p:cNvPr>
          <p:cNvGrpSpPr/>
          <p:nvPr userDrawn="1"/>
        </p:nvGrpSpPr>
        <p:grpSpPr>
          <a:xfrm>
            <a:off x="270000" y="359998"/>
            <a:ext cx="8601441" cy="6138003"/>
            <a:chOff x="360000" y="359997"/>
            <a:chExt cx="11468588" cy="6138003"/>
          </a:xfrm>
        </p:grpSpPr>
        <p:sp>
          <p:nvSpPr>
            <p:cNvPr id="6" name="C">
              <a:extLst>
                <a:ext uri="{FF2B5EF4-FFF2-40B4-BE49-F238E27FC236}">
                  <a16:creationId xmlns:a16="http://schemas.microsoft.com/office/drawing/2014/main" id="{1C4B9106-8C42-4FD6-BE41-D1A11D08B0DE}"/>
                </a:ext>
              </a:extLst>
            </p:cNvPr>
            <p:cNvSpPr/>
            <p:nvPr userDrawn="1">
              <p:custDataLst>
                <p:tags r:id="rId26"/>
              </p:custDataLst>
            </p:nvPr>
          </p:nvSpPr>
          <p:spPr>
            <a:xfrm>
              <a:off x="360000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2" name="1-">
              <a:extLst>
                <a:ext uri="{FF2B5EF4-FFF2-40B4-BE49-F238E27FC236}">
                  <a16:creationId xmlns:a16="http://schemas.microsoft.com/office/drawing/2014/main" id="{881042B9-FC01-4F98-ACD8-49BC2F3E922C}"/>
                </a:ext>
              </a:extLst>
            </p:cNvPr>
            <p:cNvSpPr/>
            <p:nvPr userDrawn="1">
              <p:custDataLst>
                <p:tags r:id="rId27"/>
              </p:custDataLst>
            </p:nvPr>
          </p:nvSpPr>
          <p:spPr>
            <a:xfrm>
              <a:off x="1151000" y="360000"/>
              <a:ext cx="180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4" name="C">
              <a:extLst>
                <a:ext uri="{FF2B5EF4-FFF2-40B4-BE49-F238E27FC236}">
                  <a16:creationId xmlns:a16="http://schemas.microsoft.com/office/drawing/2014/main" id="{59C7C277-9424-433C-8660-29713F1B7FB3}"/>
                </a:ext>
              </a:extLst>
            </p:cNvPr>
            <p:cNvSpPr/>
            <p:nvPr userDrawn="1">
              <p:custDataLst>
                <p:tags r:id="rId28"/>
              </p:custDataLst>
            </p:nvPr>
          </p:nvSpPr>
          <p:spPr>
            <a:xfrm>
              <a:off x="1103758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6" name="1">
              <a:extLst>
                <a:ext uri="{FF2B5EF4-FFF2-40B4-BE49-F238E27FC236}">
                  <a16:creationId xmlns:a16="http://schemas.microsoft.com/office/drawing/2014/main" id="{AD6D570A-8EAB-4316-A81F-BA83274CE3DF}"/>
                </a:ext>
              </a:extLst>
            </p:cNvPr>
            <p:cNvSpPr/>
            <p:nvPr userDrawn="1">
              <p:custDataLst>
                <p:tags r:id="rId29"/>
              </p:custDataLst>
            </p:nvPr>
          </p:nvSpPr>
          <p:spPr>
            <a:xfrm>
              <a:off x="2123710" y="359997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8" name="C">
              <a:extLst>
                <a:ext uri="{FF2B5EF4-FFF2-40B4-BE49-F238E27FC236}">
                  <a16:creationId xmlns:a16="http://schemas.microsoft.com/office/drawing/2014/main" id="{AF9B7D13-D0E0-4CE3-8CA5-02630940ED38}"/>
                </a:ext>
              </a:extLst>
            </p:cNvPr>
            <p:cNvSpPr/>
            <p:nvPr userDrawn="1">
              <p:custDataLst>
                <p:tags r:id="rId30"/>
              </p:custDataLst>
            </p:nvPr>
          </p:nvSpPr>
          <p:spPr>
            <a:xfrm>
              <a:off x="10068154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0" name="1">
              <a:extLst>
                <a:ext uri="{FF2B5EF4-FFF2-40B4-BE49-F238E27FC236}">
                  <a16:creationId xmlns:a16="http://schemas.microsoft.com/office/drawing/2014/main" id="{033FDCAC-185D-4077-BE01-7E2E533BA124}"/>
                </a:ext>
              </a:extLst>
            </p:cNvPr>
            <p:cNvSpPr/>
            <p:nvPr userDrawn="1">
              <p:custDataLst>
                <p:tags r:id="rId31"/>
              </p:custDataLst>
            </p:nvPr>
          </p:nvSpPr>
          <p:spPr>
            <a:xfrm>
              <a:off x="3093000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2" name="C">
              <a:extLst>
                <a:ext uri="{FF2B5EF4-FFF2-40B4-BE49-F238E27FC236}">
                  <a16:creationId xmlns:a16="http://schemas.microsoft.com/office/drawing/2014/main" id="{59D95ABC-476B-43DD-B11D-841FD1CCCE12}"/>
                </a:ext>
              </a:extLst>
            </p:cNvPr>
            <p:cNvSpPr/>
            <p:nvPr userDrawn="1">
              <p:custDataLst>
                <p:tags r:id="rId32"/>
              </p:custDataLst>
            </p:nvPr>
          </p:nvSpPr>
          <p:spPr>
            <a:xfrm>
              <a:off x="909820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4" name="1">
              <a:extLst>
                <a:ext uri="{FF2B5EF4-FFF2-40B4-BE49-F238E27FC236}">
                  <a16:creationId xmlns:a16="http://schemas.microsoft.com/office/drawing/2014/main" id="{5786BE75-81AB-4139-B2E5-FC8F4EB28B66}"/>
                </a:ext>
              </a:extLst>
            </p:cNvPr>
            <p:cNvSpPr/>
            <p:nvPr userDrawn="1">
              <p:custDataLst>
                <p:tags r:id="rId33"/>
              </p:custDataLst>
            </p:nvPr>
          </p:nvSpPr>
          <p:spPr>
            <a:xfrm>
              <a:off x="4064045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6" name="C">
              <a:extLst>
                <a:ext uri="{FF2B5EF4-FFF2-40B4-BE49-F238E27FC236}">
                  <a16:creationId xmlns:a16="http://schemas.microsoft.com/office/drawing/2014/main" id="{129A9A3B-B084-4187-8ACA-4F0D6C08FE4E}"/>
                </a:ext>
              </a:extLst>
            </p:cNvPr>
            <p:cNvSpPr/>
            <p:nvPr userDrawn="1">
              <p:custDataLst>
                <p:tags r:id="rId34"/>
              </p:custDataLst>
            </p:nvPr>
          </p:nvSpPr>
          <p:spPr>
            <a:xfrm>
              <a:off x="8128823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8" name="1">
              <a:extLst>
                <a:ext uri="{FF2B5EF4-FFF2-40B4-BE49-F238E27FC236}">
                  <a16:creationId xmlns:a16="http://schemas.microsoft.com/office/drawing/2014/main" id="{DEC24EF5-2922-409A-98A1-4BE1189C8532}"/>
                </a:ext>
              </a:extLst>
            </p:cNvPr>
            <p:cNvSpPr/>
            <p:nvPr userDrawn="1">
              <p:custDataLst>
                <p:tags r:id="rId35"/>
              </p:custDataLst>
            </p:nvPr>
          </p:nvSpPr>
          <p:spPr>
            <a:xfrm>
              <a:off x="5035045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0" name="C">
              <a:extLst>
                <a:ext uri="{FF2B5EF4-FFF2-40B4-BE49-F238E27FC236}">
                  <a16:creationId xmlns:a16="http://schemas.microsoft.com/office/drawing/2014/main" id="{9E90051A-07FE-4055-B29A-3240854D0EDD}"/>
                </a:ext>
              </a:extLst>
            </p:cNvPr>
            <p:cNvSpPr/>
            <p:nvPr userDrawn="1">
              <p:custDataLst>
                <p:tags r:id="rId36"/>
              </p:custDataLst>
            </p:nvPr>
          </p:nvSpPr>
          <p:spPr>
            <a:xfrm>
              <a:off x="7157321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2" name="1">
              <a:extLst>
                <a:ext uri="{FF2B5EF4-FFF2-40B4-BE49-F238E27FC236}">
                  <a16:creationId xmlns:a16="http://schemas.microsoft.com/office/drawing/2014/main" id="{A3700F78-6579-4287-82B2-6DFA45008FBC}"/>
                </a:ext>
              </a:extLst>
            </p:cNvPr>
            <p:cNvSpPr/>
            <p:nvPr userDrawn="1">
              <p:custDataLst>
                <p:tags r:id="rId37"/>
              </p:custDataLst>
            </p:nvPr>
          </p:nvSpPr>
          <p:spPr>
            <a:xfrm>
              <a:off x="6007384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4" name="C">
              <a:extLst>
                <a:ext uri="{FF2B5EF4-FFF2-40B4-BE49-F238E27FC236}">
                  <a16:creationId xmlns:a16="http://schemas.microsoft.com/office/drawing/2014/main" id="{1DA00B94-1AAF-46A9-9411-BB34A0426C6A}"/>
                </a:ext>
              </a:extLst>
            </p:cNvPr>
            <p:cNvSpPr/>
            <p:nvPr userDrawn="1">
              <p:custDataLst>
                <p:tags r:id="rId38"/>
              </p:custDataLst>
            </p:nvPr>
          </p:nvSpPr>
          <p:spPr>
            <a:xfrm>
              <a:off x="618604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6" name="1">
              <a:extLst>
                <a:ext uri="{FF2B5EF4-FFF2-40B4-BE49-F238E27FC236}">
                  <a16:creationId xmlns:a16="http://schemas.microsoft.com/office/drawing/2014/main" id="{ECDF4EC4-C654-4CC0-A697-7C7F76265642}"/>
                </a:ext>
              </a:extLst>
            </p:cNvPr>
            <p:cNvSpPr/>
            <p:nvPr userDrawn="1">
              <p:custDataLst>
                <p:tags r:id="rId39"/>
              </p:custDataLst>
            </p:nvPr>
          </p:nvSpPr>
          <p:spPr>
            <a:xfrm>
              <a:off x="6975706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8" name="C">
              <a:extLst>
                <a:ext uri="{FF2B5EF4-FFF2-40B4-BE49-F238E27FC236}">
                  <a16:creationId xmlns:a16="http://schemas.microsoft.com/office/drawing/2014/main" id="{6A79D1EE-D920-468B-9064-1E73DB948D90}"/>
                </a:ext>
              </a:extLst>
            </p:cNvPr>
            <p:cNvSpPr/>
            <p:nvPr userDrawn="1">
              <p:custDataLst>
                <p:tags r:id="rId40"/>
              </p:custDataLst>
            </p:nvPr>
          </p:nvSpPr>
          <p:spPr>
            <a:xfrm>
              <a:off x="521628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0" name="1">
              <a:extLst>
                <a:ext uri="{FF2B5EF4-FFF2-40B4-BE49-F238E27FC236}">
                  <a16:creationId xmlns:a16="http://schemas.microsoft.com/office/drawing/2014/main" id="{B375DE0F-1FC3-4AAD-B356-C9A3A482C506}"/>
                </a:ext>
              </a:extLst>
            </p:cNvPr>
            <p:cNvSpPr/>
            <p:nvPr userDrawn="1">
              <p:custDataLst>
                <p:tags r:id="rId41"/>
              </p:custDataLst>
            </p:nvPr>
          </p:nvSpPr>
          <p:spPr>
            <a:xfrm>
              <a:off x="7948823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2" name="C">
              <a:extLst>
                <a:ext uri="{FF2B5EF4-FFF2-40B4-BE49-F238E27FC236}">
                  <a16:creationId xmlns:a16="http://schemas.microsoft.com/office/drawing/2014/main" id="{82A4A22E-F58E-400A-BF42-0B345083C2DA}"/>
                </a:ext>
              </a:extLst>
            </p:cNvPr>
            <p:cNvSpPr/>
            <p:nvPr userDrawn="1">
              <p:custDataLst>
                <p:tags r:id="rId42"/>
              </p:custDataLst>
            </p:nvPr>
          </p:nvSpPr>
          <p:spPr>
            <a:xfrm>
              <a:off x="424426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4" name="1">
              <a:extLst>
                <a:ext uri="{FF2B5EF4-FFF2-40B4-BE49-F238E27FC236}">
                  <a16:creationId xmlns:a16="http://schemas.microsoft.com/office/drawing/2014/main" id="{18F2331C-BB65-4FCB-BB33-C3286B6868D4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8918208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6" name="C">
              <a:extLst>
                <a:ext uri="{FF2B5EF4-FFF2-40B4-BE49-F238E27FC236}">
                  <a16:creationId xmlns:a16="http://schemas.microsoft.com/office/drawing/2014/main" id="{0B31BD39-E957-4B61-99A5-4BA424B9346E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3273411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8" name="1">
              <a:extLst>
                <a:ext uri="{FF2B5EF4-FFF2-40B4-BE49-F238E27FC236}">
                  <a16:creationId xmlns:a16="http://schemas.microsoft.com/office/drawing/2014/main" id="{51C7EEDE-B06B-4A00-9549-E9285576C892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10859298" y="359998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50" name="C">
              <a:extLst>
                <a:ext uri="{FF2B5EF4-FFF2-40B4-BE49-F238E27FC236}">
                  <a16:creationId xmlns:a16="http://schemas.microsoft.com/office/drawing/2014/main" id="{346FE888-2B04-40EA-9D03-3CBF808A53C4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230197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52" name="1">
              <a:extLst>
                <a:ext uri="{FF2B5EF4-FFF2-40B4-BE49-F238E27FC236}">
                  <a16:creationId xmlns:a16="http://schemas.microsoft.com/office/drawing/2014/main" id="{8ED580F1-63D4-4934-8F07-895D75D68EFC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9889710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54" name="C">
              <a:extLst>
                <a:ext uri="{FF2B5EF4-FFF2-40B4-BE49-F238E27FC236}">
                  <a16:creationId xmlns:a16="http://schemas.microsoft.com/office/drawing/2014/main" id="{64E6E6C5-4F17-4E72-A63A-4DC01755A9FF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1331000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</p:grpSp>
      <p:sp>
        <p:nvSpPr>
          <p:cNvPr id="5" name="Dynmic Internal use only" descr="{&quot;templafy&quot;:{&quot;id&quot;:&quot;eea456f3-3f6d-4204-b17b-e5e8528ae422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6898D8C0-70A7-8B0E-B476-D6CFB5D968C9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5" name="Logo">
            <a:extLst>
              <a:ext uri="{FF2B5EF4-FFF2-40B4-BE49-F238E27FC236}">
                <a16:creationId xmlns:a16="http://schemas.microsoft.com/office/drawing/2014/main" id="{6D84D65A-09B0-E86C-A9C7-85A161713406}"/>
              </a:ext>
            </a:extLst>
          </p:cNvPr>
          <p:cNvPicPr>
            <a:picLocks noChangeAspect="1"/>
          </p:cNvPicPr>
          <p:nvPr userDrawn="1"/>
        </p:nvPicPr>
        <p:blipFill>
          <a:blip r:embed="rId49" cstate="print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0"/>
              </a:ext>
            </a:extLst>
          </a:blip>
          <a:srcRect/>
          <a:stretch/>
        </p:blipFill>
        <p:spPr>
          <a:xfrm>
            <a:off x="270000" y="6147456"/>
            <a:ext cx="594000" cy="430177"/>
          </a:xfrm>
          <a:prstGeom prst="rect">
            <a:avLst/>
          </a:prstGeom>
        </p:spPr>
      </p:pic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70001" y="1548000"/>
            <a:ext cx="8604308" cy="437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  <a:endParaRPr lang="en-US" dirty="0"/>
          </a:p>
          <a:p>
            <a:pPr lvl="1"/>
            <a:r>
              <a:rPr lang="en-US" noProof="0" dirty="0"/>
              <a:t>Level 2</a:t>
            </a:r>
            <a:endParaRPr lang="en-US" dirty="0"/>
          </a:p>
          <a:p>
            <a:pPr lvl="2"/>
            <a:r>
              <a:rPr lang="en-US" noProof="0" dirty="0"/>
              <a:t>Level 3</a:t>
            </a:r>
            <a:endParaRPr lang="en-US" dirty="0"/>
          </a:p>
          <a:p>
            <a:pPr lvl="3"/>
            <a:r>
              <a:rPr lang="en-US" noProof="0" dirty="0"/>
              <a:t>Level 4, Header</a:t>
            </a:r>
            <a:endParaRPr lang="en-US" dirty="0"/>
          </a:p>
          <a:p>
            <a:pPr lvl="4"/>
            <a:r>
              <a:rPr lang="en-US" noProof="0" dirty="0"/>
              <a:t>Level 5, Body</a:t>
            </a:r>
            <a:endParaRPr lang="en-US" dirty="0"/>
          </a:p>
          <a:p>
            <a:pPr lvl="5"/>
            <a:r>
              <a:rPr lang="en-US" noProof="0" dirty="0"/>
              <a:t>Level 6</a:t>
            </a:r>
            <a:endParaRPr lang="en-US" dirty="0"/>
          </a:p>
          <a:p>
            <a:pPr lvl="6"/>
            <a:r>
              <a:rPr lang="en-US" noProof="0" dirty="0"/>
              <a:t>Level 7, Small Header</a:t>
            </a:r>
            <a:endParaRPr lang="en-US" dirty="0"/>
          </a:p>
          <a:p>
            <a:pPr lvl="7"/>
            <a:r>
              <a:rPr lang="en-US" noProof="0" dirty="0"/>
              <a:t>Level 8, Small Body</a:t>
            </a:r>
            <a:endParaRPr lang="en-US" dirty="0"/>
          </a:p>
          <a:p>
            <a:pPr lvl="8"/>
            <a:r>
              <a:rPr lang="en-US" noProof="0" dirty="0"/>
              <a:t>Level 9, Infographic</a:t>
            </a:r>
            <a:endParaRPr lang="en-US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0000" y="360000"/>
            <a:ext cx="8604900" cy="11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600" b="1" spc="0" baseline="0">
                <a:solidFill>
                  <a:schemeClr val="accent1"/>
                </a:solidFill>
                <a:latin typeface="+mn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1" name="Footer Placeholder 40">
            <a:extLst>
              <a:ext uri="{FF2B5EF4-FFF2-40B4-BE49-F238E27FC236}">
                <a16:creationId xmlns:a16="http://schemas.microsoft.com/office/drawing/2014/main" id="{D26C0B3A-4C90-B9B9-20DB-869AD857A6E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079882" y="6278242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50">
                <a:solidFill>
                  <a:schemeClr val="bg1">
                    <a:lumMod val="65000"/>
                  </a:schemeClr>
                </a:solidFill>
                <a:latin typeface="Arial Narrow" panose="020B0606020202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21" name="Footer Placeholder 4">
            <a:extLst>
              <a:ext uri="{FF2B5EF4-FFF2-40B4-BE49-F238E27FC236}">
                <a16:creationId xmlns:a16="http://schemas.microsoft.com/office/drawing/2014/main" id="{FAF00B78-088E-5B42-1886-159D0CA71D23}"/>
              </a:ext>
            </a:extLst>
          </p:cNvPr>
          <p:cNvSpPr txBox="1">
            <a:spLocks/>
          </p:cNvSpPr>
          <p:nvPr userDrawn="1"/>
        </p:nvSpPr>
        <p:spPr>
          <a:xfrm>
            <a:off x="1502596" y="6328262"/>
            <a:ext cx="7085210" cy="24925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750" dirty="0">
                <a:solidFill>
                  <a:srgbClr val="FFFFFF">
                    <a:lumMod val="65000"/>
                  </a:srgbClr>
                </a:solidFill>
                <a:latin typeface="Arial Narrow" panose="020B0606020202030204" pitchFamily="34" charset="0"/>
              </a:rPr>
              <a:t> © 2024 Cigna Healthcare.</a:t>
            </a:r>
          </a:p>
        </p:txBody>
      </p:sp>
    </p:spTree>
    <p:extLst>
      <p:ext uri="{BB962C8B-B14F-4D97-AF65-F5344CB8AC3E}">
        <p14:creationId xmlns:p14="http://schemas.microsoft.com/office/powerpoint/2010/main" val="163395778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7" r:id="rId1"/>
    <p:sldLayoutId id="2147483668" r:id="rId2"/>
    <p:sldLayoutId id="2147483669" r:id="rId3"/>
    <p:sldLayoutId id="2147483670" r:id="rId4"/>
    <p:sldLayoutId id="2147483671" r:id="rId5"/>
    <p:sldLayoutId id="2147483672" r:id="rId6"/>
    <p:sldLayoutId id="2147483673" r:id="rId7"/>
    <p:sldLayoutId id="2147483674" r:id="rId8"/>
    <p:sldLayoutId id="2147483675" r:id="rId9"/>
    <p:sldLayoutId id="2147483676" r:id="rId10"/>
    <p:sldLayoutId id="2147483677" r:id="rId11"/>
    <p:sldLayoutId id="2147483678" r:id="rId12"/>
    <p:sldLayoutId id="2147483679" r:id="rId13"/>
    <p:sldLayoutId id="2147483680" r:id="rId14"/>
    <p:sldLayoutId id="2147483681" r:id="rId15"/>
    <p:sldLayoutId id="2147483682" r:id="rId16"/>
    <p:sldLayoutId id="2147483683" r:id="rId17"/>
    <p:sldLayoutId id="2147483684" r:id="rId18"/>
    <p:sldLayoutId id="2147483685" r:id="rId19"/>
    <p:sldLayoutId id="2147483686" r:id="rId20"/>
    <p:sldLayoutId id="2147483687" r:id="rId21"/>
    <p:sldLayoutId id="2147483688" r:id="rId22"/>
    <p:sldLayoutId id="2147483689" r:id="rId23"/>
    <p:sldLayoutId id="2147483690" r:id="rId24"/>
  </p:sldLayoutIdLst>
  <p:hf hdr="0" ftr="0" dt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b="1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35000" indent="-135000" algn="l" defTabSz="685800" rtl="0" eaLnBrk="1" latinLnBrk="0" hangingPunct="1">
        <a:lnSpc>
          <a:spcPct val="100000"/>
        </a:lnSpc>
        <a:spcBef>
          <a:spcPts val="0"/>
        </a:spcBef>
        <a:spcAft>
          <a:spcPts val="450"/>
        </a:spcAft>
        <a:buFont typeface="Verdana" panose="020B0604030504040204" pitchFamily="34" charset="0"/>
        <a:buChar char="•"/>
        <a:defRPr sz="1200" kern="1200">
          <a:solidFill>
            <a:schemeClr val="tx2"/>
          </a:solidFill>
          <a:latin typeface="+mn-lt"/>
          <a:ea typeface="+mn-ea"/>
          <a:cs typeface="+mn-cs"/>
        </a:defRPr>
      </a:lvl1pPr>
      <a:lvl2pPr marL="270000" indent="-135000" algn="l" defTabSz="685800" rtl="0" eaLnBrk="1" latinLnBrk="0" hangingPunct="1">
        <a:lnSpc>
          <a:spcPct val="100000"/>
        </a:lnSpc>
        <a:spcBef>
          <a:spcPts val="0"/>
        </a:spcBef>
        <a:spcAft>
          <a:spcPts val="450"/>
        </a:spcAft>
        <a:buSzPct val="80000"/>
        <a:buFont typeface="Verdana" panose="020B0604030504040204" pitchFamily="34" charset="0"/>
        <a:buChar char="&gt;"/>
        <a:defRPr sz="1200" kern="1200">
          <a:solidFill>
            <a:schemeClr val="tx2"/>
          </a:solidFill>
          <a:latin typeface="+mn-lt"/>
          <a:ea typeface="+mn-ea"/>
          <a:cs typeface="+mn-cs"/>
        </a:defRPr>
      </a:lvl2pPr>
      <a:lvl3pPr marL="405000" indent="-135000" algn="l" defTabSz="685800" rtl="0" eaLnBrk="1" latinLnBrk="0" hangingPunct="1">
        <a:lnSpc>
          <a:spcPct val="100000"/>
        </a:lnSpc>
        <a:spcBef>
          <a:spcPts val="0"/>
        </a:spcBef>
        <a:spcAft>
          <a:spcPts val="450"/>
        </a:spcAft>
        <a:buSzPct val="80000"/>
        <a:buFont typeface="Verdana" panose="020B0604030504040204" pitchFamily="34" charset="0"/>
        <a:buChar char="-"/>
        <a:defRPr sz="1200" kern="1200">
          <a:solidFill>
            <a:schemeClr val="tx2"/>
          </a:solidFill>
          <a:latin typeface="+mn-lt"/>
          <a:ea typeface="+mn-ea"/>
          <a:cs typeface="+mn-cs"/>
        </a:defRPr>
      </a:lvl3pPr>
      <a:lvl4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Verdana" panose="020B0604030504040204" pitchFamily="34" charset="0"/>
        <a:buChar char="​"/>
        <a:defRPr sz="1200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Verdana" panose="020B0604030504040204" pitchFamily="34" charset="0"/>
        <a:buChar char="​"/>
        <a:tabLst/>
        <a:defRPr sz="1200" kern="1200">
          <a:solidFill>
            <a:schemeClr val="tx2"/>
          </a:solidFill>
          <a:latin typeface="+mn-lt"/>
          <a:ea typeface="+mn-ea"/>
          <a:cs typeface="+mn-cs"/>
        </a:defRPr>
      </a:lvl5pPr>
      <a:lvl6pPr marL="67500" indent="-67500" algn="l" defTabSz="685800" rtl="0" eaLnBrk="1" latinLnBrk="0" hangingPunct="1">
        <a:lnSpc>
          <a:spcPct val="120000"/>
        </a:lnSpc>
        <a:spcBef>
          <a:spcPts val="0"/>
        </a:spcBef>
        <a:spcAft>
          <a:spcPts val="450"/>
        </a:spcAft>
        <a:buFont typeface="Arial" panose="020B0604020202020204" pitchFamily="34" charset="0"/>
        <a:buChar char="•"/>
        <a:defRPr sz="75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685800" rtl="0" eaLnBrk="1" latinLnBrk="0" hangingPunct="1">
        <a:lnSpc>
          <a:spcPct val="120000"/>
        </a:lnSpc>
        <a:spcBef>
          <a:spcPts val="0"/>
        </a:spcBef>
        <a:spcAft>
          <a:spcPts val="450"/>
        </a:spcAft>
        <a:buFont typeface="Verdana" panose="020B0604030504040204" pitchFamily="34" charset="0"/>
        <a:buChar char="​"/>
        <a:defRPr sz="750" b="1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0" indent="0" algn="l" defTabSz="685800" rtl="0" eaLnBrk="1" latinLnBrk="0" hangingPunct="1">
        <a:lnSpc>
          <a:spcPct val="120000"/>
        </a:lnSpc>
        <a:spcBef>
          <a:spcPts val="0"/>
        </a:spcBef>
        <a:spcAft>
          <a:spcPts val="450"/>
        </a:spcAft>
        <a:buFont typeface="Verdana" panose="020B0604030504040204" pitchFamily="34" charset="0"/>
        <a:buChar char="​"/>
        <a:defRPr sz="75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685800" rtl="0" eaLnBrk="1" latinLnBrk="0" hangingPunct="1">
        <a:lnSpc>
          <a:spcPct val="90000"/>
        </a:lnSpc>
        <a:spcBef>
          <a:spcPts val="900"/>
        </a:spcBef>
        <a:spcAft>
          <a:spcPts val="0"/>
        </a:spcAft>
        <a:buFont typeface="Verdana" panose="020B0604030504040204" pitchFamily="34" charset="0"/>
        <a:buChar char="​"/>
        <a:defRPr sz="3300" b="1" kern="1200" spc="-113" baseline="0">
          <a:solidFill>
            <a:schemeClr val="accent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>
          <p15:clr>
            <a:srgbClr val="A4A3A4"/>
          </p15:clr>
        </p15:guide>
        <p15:guide id="2" pos="725">
          <p15:clr>
            <a:srgbClr val="A4A3A4"/>
          </p15:clr>
        </p15:guide>
        <p15:guide id="3" orient="horz" pos="226">
          <p15:clr>
            <a:srgbClr val="A4A3A4"/>
          </p15:clr>
        </p15:guide>
        <p15:guide id="4" orient="horz" pos="4093">
          <p15:clr>
            <a:srgbClr val="A4A3A4"/>
          </p15:clr>
        </p15:guide>
        <p15:guide id="6" pos="4394">
          <p15:clr>
            <a:srgbClr val="A4A3A4"/>
          </p15:clr>
        </p15:guide>
        <p15:guide id="7" pos="838">
          <p15:clr>
            <a:srgbClr val="A4A3A4"/>
          </p15:clr>
        </p15:guide>
        <p15:guide id="9" pos="2673">
          <p15:clr>
            <a:srgbClr val="A4A3A4"/>
          </p15:clr>
        </p15:guide>
        <p15:guide id="10" pos="3171">
          <p15:clr>
            <a:srgbClr val="A4A3A4"/>
          </p15:clr>
        </p15:guide>
        <p15:guide id="11" pos="6229">
          <p15:clr>
            <a:srgbClr val="A4A3A4"/>
          </p15:clr>
        </p15:guide>
        <p15:guide id="13" pos="6840">
          <p15:clr>
            <a:srgbClr val="A4A3A4"/>
          </p15:clr>
        </p15:guide>
        <p15:guide id="16" pos="5120">
          <p15:clr>
            <a:srgbClr val="A4A3A4"/>
          </p15:clr>
        </p15:guide>
        <p15:guide id="17" pos="3285">
          <p15:clr>
            <a:srgbClr val="A4A3A4"/>
          </p15:clr>
        </p15:guide>
        <p15:guide id="18" pos="3784">
          <p15:clr>
            <a:srgbClr val="A4A3A4"/>
          </p15:clr>
        </p15:guide>
        <p15:guide id="20" pos="1948">
          <p15:clr>
            <a:srgbClr val="A4A3A4"/>
          </p15:clr>
        </p15:guide>
        <p15:guide id="21" pos="6952">
          <p15:clr>
            <a:srgbClr val="A4A3A4"/>
          </p15:clr>
        </p15:guide>
        <p15:guide id="23" pos="2061">
          <p15:clr>
            <a:srgbClr val="A4A3A4"/>
          </p15:clr>
        </p15:guide>
        <p15:guide id="24" pos="2560">
          <p15:clr>
            <a:srgbClr val="A4A3A4"/>
          </p15:clr>
        </p15:guide>
        <p15:guide id="26" pos="6342">
          <p15:clr>
            <a:srgbClr val="A4A3A4"/>
          </p15:clr>
        </p15:guide>
        <p15:guide id="28" pos="5006">
          <p15:clr>
            <a:srgbClr val="A4A3A4"/>
          </p15:clr>
        </p15:guide>
        <p15:guide id="29" pos="4507">
          <p15:clr>
            <a:srgbClr val="A4A3A4"/>
          </p15:clr>
        </p15:guide>
        <p15:guide id="30" pos="3908">
          <p15:clr>
            <a:srgbClr val="A4A3A4"/>
          </p15:clr>
        </p15:guide>
        <p15:guide id="31" pos="5731">
          <p15:clr>
            <a:srgbClr val="A4A3A4"/>
          </p15:clr>
        </p15:guide>
        <p15:guide id="32" pos="5617">
          <p15:clr>
            <a:srgbClr val="A4A3A4"/>
          </p15:clr>
        </p15:guide>
        <p15:guide id="33" pos="1337">
          <p15:clr>
            <a:srgbClr val="A4A3A4"/>
          </p15:clr>
        </p15:guide>
        <p15:guide id="34" pos="1451">
          <p15:clr>
            <a:srgbClr val="A4A3A4"/>
          </p15:clr>
        </p15:guide>
        <p15:guide id="35" pos="7453">
          <p15:clr>
            <a:srgbClr val="A4A3A4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Text Placeholder 2"/>
          <p:cNvSpPr>
            <a:spLocks noGrp="1"/>
          </p:cNvSpPr>
          <p:nvPr>
            <p:ph type="body" idx="1"/>
          </p:nvPr>
        </p:nvSpPr>
        <p:spPr bwMode="auto">
          <a:xfrm>
            <a:off x="457200" y="1600200"/>
            <a:ext cx="8229600" cy="426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 altLang="en-US"/>
              <a:t>Click to edit Master text styles 16 pt</a:t>
            </a:r>
          </a:p>
          <a:p>
            <a:pPr lvl="1"/>
            <a:r>
              <a:rPr lang="en-US" altLang="en-US"/>
              <a:t>Second level</a:t>
            </a:r>
          </a:p>
          <a:p>
            <a:pPr lvl="2"/>
            <a:r>
              <a:rPr lang="en-US" altLang="en-US"/>
              <a:t>Third level</a:t>
            </a:r>
          </a:p>
          <a:p>
            <a:pPr lvl="3"/>
            <a:r>
              <a:rPr lang="en-US" altLang="en-US"/>
              <a:t>Fourth level</a:t>
            </a:r>
          </a:p>
          <a:p>
            <a:pPr lvl="4"/>
            <a:r>
              <a:rPr lang="en-US" altLang="en-US"/>
              <a:t>Fifth leve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auto">
          <a:xfrm>
            <a:off x="7010400" y="6629400"/>
            <a:ext cx="2133600" cy="21272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non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1" hangingPunct="1">
              <a:defRPr sz="1000">
                <a:solidFill>
                  <a:srgbClr val="999999"/>
                </a:solidFill>
              </a:defRPr>
            </a:lvl1pPr>
          </a:lstStyle>
          <a:p>
            <a:pPr defTabSz="457200" fontAlgn="base">
              <a:spcBef>
                <a:spcPct val="0"/>
              </a:spcBef>
              <a:spcAft>
                <a:spcPct val="0"/>
              </a:spcAft>
            </a:pPr>
            <a:fld id="{659AB224-15D0-4907-A4BD-31B634195803}" type="slidenum">
              <a:rPr lang="en-US" altLang="en-US">
                <a:cs typeface="Arial" charset="0"/>
              </a:rPr>
              <a:pPr defTabSz="457200" fontAlgn="base">
                <a:spcBef>
                  <a:spcPct val="0"/>
                </a:spcBef>
                <a:spcAft>
                  <a:spcPct val="0"/>
                </a:spcAft>
              </a:pPr>
              <a:t>‹#›</a:t>
            </a:fld>
            <a:endParaRPr lang="en-US" altLang="en-US">
              <a:cs typeface="Arial" charset="0"/>
            </a:endParaRPr>
          </a:p>
        </p:txBody>
      </p:sp>
      <p:sp>
        <p:nvSpPr>
          <p:cNvPr id="1031" name="Rectangle 7"/>
          <p:cNvSpPr>
            <a:spLocks noGrp="1" noChangeArrowheads="1"/>
          </p:cNvSpPr>
          <p:nvPr>
            <p:ph type="ftr" sz="quarter" idx="3"/>
          </p:nvPr>
        </p:nvSpPr>
        <p:spPr bwMode="auto">
          <a:xfrm>
            <a:off x="0" y="6626225"/>
            <a:ext cx="7011988" cy="2286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non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 sz="800">
                <a:solidFill>
                  <a:srgbClr val="999999"/>
                </a:solidFill>
                <a:latin typeface="Arial Narrow" pitchFamily="-1" charset="0"/>
                <a:ea typeface="ＭＳ Ｐゴシック" pitchFamily="-1" charset="-128"/>
                <a:cs typeface="ＭＳ Ｐゴシック" pitchFamily="-1" charset="-128"/>
              </a:defRPr>
            </a:lvl1pPr>
          </a:lstStyle>
          <a:p>
            <a:pPr defTabSz="457200" fontAlgn="base">
              <a:spcBef>
                <a:spcPct val="0"/>
              </a:spcBef>
              <a:spcAft>
                <a:spcPct val="0"/>
              </a:spcAft>
              <a:defRPr/>
            </a:pPr>
            <a:r>
              <a:rPr lang="en-US"/>
              <a:t>Confidential, unpublished property of Cigna. Do not duplicate or distribute. Use and distribution limited solely to authorized personnel. © 2016 Cigna</a:t>
            </a:r>
          </a:p>
        </p:txBody>
      </p:sp>
      <p:sp>
        <p:nvSpPr>
          <p:cNvPr id="1029" name="Title Placeholder 26"/>
          <p:cNvSpPr>
            <a:spLocks noGrp="1"/>
          </p:cNvSpPr>
          <p:nvPr>
            <p:ph type="title"/>
          </p:nvPr>
        </p:nvSpPr>
        <p:spPr bwMode="auto">
          <a:xfrm>
            <a:off x="457200" y="273050"/>
            <a:ext cx="8229600" cy="6413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 altLang="en-US"/>
              <a:t>Click to edit Master title style</a:t>
            </a:r>
          </a:p>
        </p:txBody>
      </p:sp>
      <p:pic>
        <p:nvPicPr>
          <p:cNvPr id="1030" name="Picture 14" descr="CignaLogo.png"/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91338" y="5961063"/>
            <a:ext cx="2024062" cy="838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311880645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2" r:id="rId1"/>
    <p:sldLayoutId id="2147483693" r:id="rId2"/>
    <p:sldLayoutId id="2147483694" r:id="rId3"/>
    <p:sldLayoutId id="2147483695" r:id="rId4"/>
    <p:sldLayoutId id="2147483696" r:id="rId5"/>
    <p:sldLayoutId id="2147483697" r:id="rId6"/>
    <p:sldLayoutId id="2147483698" r:id="rId7"/>
  </p:sldLayoutIdLst>
  <p:hf hdr="0" ftr="0" dt="0"/>
  <p:txStyles>
    <p:titleStyle>
      <a:lvl1pPr algn="l" defTabSz="457200" rtl="0" eaLnBrk="0" fontAlgn="base" hangingPunct="0">
        <a:spcBef>
          <a:spcPct val="0"/>
        </a:spcBef>
        <a:spcAft>
          <a:spcPct val="0"/>
        </a:spcAft>
        <a:defRPr sz="2000" b="1" kern="1200">
          <a:solidFill>
            <a:schemeClr val="tx1"/>
          </a:solidFill>
          <a:latin typeface="Arial"/>
          <a:ea typeface="ＭＳ Ｐゴシック" panose="020B0600070205080204" pitchFamily="34" charset="-128"/>
          <a:cs typeface="Arial"/>
        </a:defRPr>
      </a:lvl1pPr>
      <a:lvl2pPr algn="l" defTabSz="457200" rtl="0" eaLnBrk="0" fontAlgn="base" hangingPunct="0">
        <a:spcBef>
          <a:spcPct val="0"/>
        </a:spcBef>
        <a:spcAft>
          <a:spcPct val="0"/>
        </a:spcAft>
        <a:defRPr sz="2000" b="1">
          <a:solidFill>
            <a:schemeClr val="tx1"/>
          </a:solidFill>
          <a:latin typeface="Arial" charset="0"/>
          <a:ea typeface="ＭＳ Ｐゴシック" panose="020B0600070205080204" pitchFamily="34" charset="-128"/>
          <a:cs typeface="Arial" pitchFamily="34" charset="0"/>
        </a:defRPr>
      </a:lvl2pPr>
      <a:lvl3pPr algn="l" defTabSz="457200" rtl="0" eaLnBrk="0" fontAlgn="base" hangingPunct="0">
        <a:spcBef>
          <a:spcPct val="0"/>
        </a:spcBef>
        <a:spcAft>
          <a:spcPct val="0"/>
        </a:spcAft>
        <a:defRPr sz="2000" b="1">
          <a:solidFill>
            <a:schemeClr val="tx1"/>
          </a:solidFill>
          <a:latin typeface="Arial" charset="0"/>
          <a:ea typeface="ＭＳ Ｐゴシック" panose="020B0600070205080204" pitchFamily="34" charset="-128"/>
          <a:cs typeface="Arial" pitchFamily="34" charset="0"/>
        </a:defRPr>
      </a:lvl3pPr>
      <a:lvl4pPr algn="l" defTabSz="457200" rtl="0" eaLnBrk="0" fontAlgn="base" hangingPunct="0">
        <a:spcBef>
          <a:spcPct val="0"/>
        </a:spcBef>
        <a:spcAft>
          <a:spcPct val="0"/>
        </a:spcAft>
        <a:defRPr sz="2000" b="1">
          <a:solidFill>
            <a:schemeClr val="tx1"/>
          </a:solidFill>
          <a:latin typeface="Arial" charset="0"/>
          <a:ea typeface="ＭＳ Ｐゴシック" panose="020B0600070205080204" pitchFamily="34" charset="-128"/>
          <a:cs typeface="Arial" pitchFamily="34" charset="0"/>
        </a:defRPr>
      </a:lvl4pPr>
      <a:lvl5pPr algn="l" defTabSz="457200" rtl="0" eaLnBrk="0" fontAlgn="base" hangingPunct="0">
        <a:spcBef>
          <a:spcPct val="0"/>
        </a:spcBef>
        <a:spcAft>
          <a:spcPct val="0"/>
        </a:spcAft>
        <a:defRPr sz="2000" b="1">
          <a:solidFill>
            <a:schemeClr val="tx1"/>
          </a:solidFill>
          <a:latin typeface="Arial" charset="0"/>
          <a:ea typeface="ＭＳ Ｐゴシック" panose="020B0600070205080204" pitchFamily="34" charset="-128"/>
          <a:cs typeface="Arial" pitchFamily="34" charset="0"/>
        </a:defRPr>
      </a:lvl5pPr>
      <a:lvl6pPr marL="457200" algn="l" defTabSz="457200" rtl="0" eaLnBrk="1" fontAlgn="base" hangingPunct="1">
        <a:spcBef>
          <a:spcPct val="0"/>
        </a:spcBef>
        <a:spcAft>
          <a:spcPct val="0"/>
        </a:spcAft>
        <a:defRPr sz="2400">
          <a:solidFill>
            <a:srgbClr val="4F56AB"/>
          </a:solidFill>
          <a:latin typeface="Arial" charset="0"/>
          <a:ea typeface="ＭＳ Ｐゴシック" charset="-128"/>
        </a:defRPr>
      </a:lvl6pPr>
      <a:lvl7pPr marL="914400" algn="l" defTabSz="457200" rtl="0" eaLnBrk="1" fontAlgn="base" hangingPunct="1">
        <a:spcBef>
          <a:spcPct val="0"/>
        </a:spcBef>
        <a:spcAft>
          <a:spcPct val="0"/>
        </a:spcAft>
        <a:defRPr sz="2400">
          <a:solidFill>
            <a:srgbClr val="4F56AB"/>
          </a:solidFill>
          <a:latin typeface="Arial" charset="0"/>
          <a:ea typeface="ＭＳ Ｐゴシック" charset="-128"/>
        </a:defRPr>
      </a:lvl7pPr>
      <a:lvl8pPr marL="1371600" algn="l" defTabSz="457200" rtl="0" eaLnBrk="1" fontAlgn="base" hangingPunct="1">
        <a:spcBef>
          <a:spcPct val="0"/>
        </a:spcBef>
        <a:spcAft>
          <a:spcPct val="0"/>
        </a:spcAft>
        <a:defRPr sz="2400">
          <a:solidFill>
            <a:srgbClr val="4F56AB"/>
          </a:solidFill>
          <a:latin typeface="Arial" charset="0"/>
          <a:ea typeface="ＭＳ Ｐゴシック" charset="-128"/>
        </a:defRPr>
      </a:lvl8pPr>
      <a:lvl9pPr marL="1828800" algn="l" defTabSz="457200" rtl="0" eaLnBrk="1" fontAlgn="base" hangingPunct="1">
        <a:spcBef>
          <a:spcPct val="0"/>
        </a:spcBef>
        <a:spcAft>
          <a:spcPct val="0"/>
        </a:spcAft>
        <a:defRPr sz="2400">
          <a:solidFill>
            <a:srgbClr val="4F56AB"/>
          </a:solidFill>
          <a:latin typeface="Arial" charset="0"/>
          <a:ea typeface="ＭＳ Ｐゴシック" charset="-128"/>
        </a:defRPr>
      </a:lvl9pPr>
    </p:titleStyle>
    <p:bodyStyle>
      <a:lvl1pPr marL="230188" indent="-230188" algn="l" defTabSz="457200" rtl="0" eaLnBrk="0" fontAlgn="base" hangingPunct="0">
        <a:spcBef>
          <a:spcPct val="20000"/>
        </a:spcBef>
        <a:spcAft>
          <a:spcPct val="0"/>
        </a:spcAft>
        <a:buClr>
          <a:schemeClr val="tx1"/>
        </a:buClr>
        <a:buFont typeface="Arial" charset="0"/>
        <a:buChar char="•"/>
        <a:defRPr sz="1600" kern="1200">
          <a:solidFill>
            <a:schemeClr val="tx1"/>
          </a:solidFill>
          <a:latin typeface="Arial"/>
          <a:ea typeface="ＭＳ Ｐゴシック" panose="020B0600070205080204" pitchFamily="34" charset="-128"/>
          <a:cs typeface="Arial"/>
        </a:defRPr>
      </a:lvl1pPr>
      <a:lvl2pPr marL="454025" indent="-223838" algn="l" defTabSz="457200" rtl="0" eaLnBrk="0" fontAlgn="base" hangingPunct="0">
        <a:spcBef>
          <a:spcPct val="20000"/>
        </a:spcBef>
        <a:spcAft>
          <a:spcPct val="0"/>
        </a:spcAft>
        <a:buClr>
          <a:schemeClr val="tx1"/>
        </a:buClr>
        <a:buFont typeface="Arial" charset="0"/>
        <a:buChar char="–"/>
        <a:defRPr sz="1600" kern="1200">
          <a:solidFill>
            <a:schemeClr val="tx1"/>
          </a:solidFill>
          <a:latin typeface="Arial"/>
          <a:ea typeface="ＭＳ Ｐゴシック" panose="020B0600070205080204" pitchFamily="34" charset="-128"/>
          <a:cs typeface="Arial"/>
        </a:defRPr>
      </a:lvl2pPr>
      <a:lvl3pPr marL="684213" indent="-230188" algn="l" defTabSz="457200" rtl="0" eaLnBrk="0" fontAlgn="base" hangingPunct="0">
        <a:spcBef>
          <a:spcPct val="20000"/>
        </a:spcBef>
        <a:spcAft>
          <a:spcPct val="0"/>
        </a:spcAft>
        <a:buClr>
          <a:schemeClr val="tx1"/>
        </a:buClr>
        <a:buFont typeface="Arial" charset="0"/>
        <a:buChar char="–"/>
        <a:defRPr sz="1600" kern="1200">
          <a:solidFill>
            <a:schemeClr val="tx1"/>
          </a:solidFill>
          <a:latin typeface="Arial"/>
          <a:ea typeface="ＭＳ Ｐゴシック" panose="020B0600070205080204" pitchFamily="34" charset="-128"/>
          <a:cs typeface="Arial"/>
        </a:defRPr>
      </a:lvl3pPr>
      <a:lvl4pPr marL="915988" indent="-231775" algn="l" defTabSz="457200" rtl="0" eaLnBrk="0" fontAlgn="base" hangingPunct="0">
        <a:spcBef>
          <a:spcPct val="20000"/>
        </a:spcBef>
        <a:spcAft>
          <a:spcPct val="0"/>
        </a:spcAft>
        <a:buClr>
          <a:schemeClr val="tx1"/>
        </a:buClr>
        <a:buFont typeface="Arial" charset="0"/>
        <a:buChar char="–"/>
        <a:defRPr sz="1600" kern="1200">
          <a:solidFill>
            <a:schemeClr val="tx1"/>
          </a:solidFill>
          <a:latin typeface="Arial"/>
          <a:ea typeface="ＭＳ Ｐゴシック" panose="020B0600070205080204" pitchFamily="34" charset="-128"/>
          <a:cs typeface="Arial"/>
        </a:defRPr>
      </a:lvl4pPr>
      <a:lvl5pPr marL="1146175" indent="-230188" algn="l" defTabSz="457200" rtl="0" eaLnBrk="0" fontAlgn="base" hangingPunct="0">
        <a:spcBef>
          <a:spcPct val="20000"/>
        </a:spcBef>
        <a:spcAft>
          <a:spcPct val="0"/>
        </a:spcAft>
        <a:buClr>
          <a:schemeClr val="tx1"/>
        </a:buClr>
        <a:buFont typeface="Arial" charset="0"/>
        <a:buChar char="–"/>
        <a:defRPr sz="1600" kern="1200">
          <a:solidFill>
            <a:schemeClr val="tx1"/>
          </a:solidFill>
          <a:latin typeface="Arial"/>
          <a:ea typeface="ＭＳ Ｐゴシック" panose="020B0600070205080204" pitchFamily="34" charset="-128"/>
          <a:cs typeface="Arial"/>
        </a:defRPr>
      </a:lvl5pPr>
      <a:lvl6pPr marL="25146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3" name="Group guide" hidden="1">
            <a:extLst>
              <a:ext uri="{FF2B5EF4-FFF2-40B4-BE49-F238E27FC236}">
                <a16:creationId xmlns:a16="http://schemas.microsoft.com/office/drawing/2014/main" id="{AF56D866-B789-C130-77E4-8967E377B6C7}"/>
              </a:ext>
            </a:extLst>
          </p:cNvPr>
          <p:cNvGrpSpPr/>
          <p:nvPr userDrawn="1"/>
        </p:nvGrpSpPr>
        <p:grpSpPr>
          <a:xfrm>
            <a:off x="270000" y="359998"/>
            <a:ext cx="8601441" cy="6138003"/>
            <a:chOff x="360000" y="359997"/>
            <a:chExt cx="11468588" cy="6138003"/>
          </a:xfrm>
        </p:grpSpPr>
        <p:sp>
          <p:nvSpPr>
            <p:cNvPr id="6" name="C">
              <a:extLst>
                <a:ext uri="{FF2B5EF4-FFF2-40B4-BE49-F238E27FC236}">
                  <a16:creationId xmlns:a16="http://schemas.microsoft.com/office/drawing/2014/main" id="{1C4B9106-8C42-4FD6-BE41-D1A11D08B0DE}"/>
                </a:ext>
              </a:extLst>
            </p:cNvPr>
            <p:cNvSpPr/>
            <p:nvPr userDrawn="1">
              <p:custDataLst>
                <p:tags r:id="rId42"/>
              </p:custDataLst>
            </p:nvPr>
          </p:nvSpPr>
          <p:spPr>
            <a:xfrm>
              <a:off x="360000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2" name="1-">
              <a:extLst>
                <a:ext uri="{FF2B5EF4-FFF2-40B4-BE49-F238E27FC236}">
                  <a16:creationId xmlns:a16="http://schemas.microsoft.com/office/drawing/2014/main" id="{881042B9-FC01-4F98-ACD8-49BC2F3E922C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1151000" y="360000"/>
              <a:ext cx="180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4" name="C">
              <a:extLst>
                <a:ext uri="{FF2B5EF4-FFF2-40B4-BE49-F238E27FC236}">
                  <a16:creationId xmlns:a16="http://schemas.microsoft.com/office/drawing/2014/main" id="{59C7C277-9424-433C-8660-29713F1B7FB3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1103758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6" name="1">
              <a:extLst>
                <a:ext uri="{FF2B5EF4-FFF2-40B4-BE49-F238E27FC236}">
                  <a16:creationId xmlns:a16="http://schemas.microsoft.com/office/drawing/2014/main" id="{AD6D570A-8EAB-4316-A81F-BA83274CE3DF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2123710" y="359997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8" name="C">
              <a:extLst>
                <a:ext uri="{FF2B5EF4-FFF2-40B4-BE49-F238E27FC236}">
                  <a16:creationId xmlns:a16="http://schemas.microsoft.com/office/drawing/2014/main" id="{AF9B7D13-D0E0-4CE3-8CA5-02630940ED38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10068154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0" name="1">
              <a:extLst>
                <a:ext uri="{FF2B5EF4-FFF2-40B4-BE49-F238E27FC236}">
                  <a16:creationId xmlns:a16="http://schemas.microsoft.com/office/drawing/2014/main" id="{033FDCAC-185D-4077-BE01-7E2E533BA124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3093000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2" name="C">
              <a:extLst>
                <a:ext uri="{FF2B5EF4-FFF2-40B4-BE49-F238E27FC236}">
                  <a16:creationId xmlns:a16="http://schemas.microsoft.com/office/drawing/2014/main" id="{59D95ABC-476B-43DD-B11D-841FD1CCCE12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909820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4" name="1">
              <a:extLst>
                <a:ext uri="{FF2B5EF4-FFF2-40B4-BE49-F238E27FC236}">
                  <a16:creationId xmlns:a16="http://schemas.microsoft.com/office/drawing/2014/main" id="{5786BE75-81AB-4139-B2E5-FC8F4EB28B66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4064045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6" name="C">
              <a:extLst>
                <a:ext uri="{FF2B5EF4-FFF2-40B4-BE49-F238E27FC236}">
                  <a16:creationId xmlns:a16="http://schemas.microsoft.com/office/drawing/2014/main" id="{129A9A3B-B084-4187-8ACA-4F0D6C08FE4E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8128823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8" name="1">
              <a:extLst>
                <a:ext uri="{FF2B5EF4-FFF2-40B4-BE49-F238E27FC236}">
                  <a16:creationId xmlns:a16="http://schemas.microsoft.com/office/drawing/2014/main" id="{DEC24EF5-2922-409A-98A1-4BE1189C8532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5035045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0" name="C">
              <a:extLst>
                <a:ext uri="{FF2B5EF4-FFF2-40B4-BE49-F238E27FC236}">
                  <a16:creationId xmlns:a16="http://schemas.microsoft.com/office/drawing/2014/main" id="{9E90051A-07FE-4055-B29A-3240854D0EDD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7157321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2" name="1">
              <a:extLst>
                <a:ext uri="{FF2B5EF4-FFF2-40B4-BE49-F238E27FC236}">
                  <a16:creationId xmlns:a16="http://schemas.microsoft.com/office/drawing/2014/main" id="{A3700F78-6579-4287-82B2-6DFA45008FBC}"/>
                </a:ext>
              </a:extLst>
            </p:cNvPr>
            <p:cNvSpPr/>
            <p:nvPr userDrawn="1">
              <p:custDataLst>
                <p:tags r:id="rId53"/>
              </p:custDataLst>
            </p:nvPr>
          </p:nvSpPr>
          <p:spPr>
            <a:xfrm>
              <a:off x="6007384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4" name="C">
              <a:extLst>
                <a:ext uri="{FF2B5EF4-FFF2-40B4-BE49-F238E27FC236}">
                  <a16:creationId xmlns:a16="http://schemas.microsoft.com/office/drawing/2014/main" id="{1DA00B94-1AAF-46A9-9411-BB34A0426C6A}"/>
                </a:ext>
              </a:extLst>
            </p:cNvPr>
            <p:cNvSpPr/>
            <p:nvPr userDrawn="1">
              <p:custDataLst>
                <p:tags r:id="rId54"/>
              </p:custDataLst>
            </p:nvPr>
          </p:nvSpPr>
          <p:spPr>
            <a:xfrm>
              <a:off x="618604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6" name="1">
              <a:extLst>
                <a:ext uri="{FF2B5EF4-FFF2-40B4-BE49-F238E27FC236}">
                  <a16:creationId xmlns:a16="http://schemas.microsoft.com/office/drawing/2014/main" id="{ECDF4EC4-C654-4CC0-A697-7C7F76265642}"/>
                </a:ext>
              </a:extLst>
            </p:cNvPr>
            <p:cNvSpPr/>
            <p:nvPr userDrawn="1">
              <p:custDataLst>
                <p:tags r:id="rId55"/>
              </p:custDataLst>
            </p:nvPr>
          </p:nvSpPr>
          <p:spPr>
            <a:xfrm>
              <a:off x="6975706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8" name="C">
              <a:extLst>
                <a:ext uri="{FF2B5EF4-FFF2-40B4-BE49-F238E27FC236}">
                  <a16:creationId xmlns:a16="http://schemas.microsoft.com/office/drawing/2014/main" id="{6A79D1EE-D920-468B-9064-1E73DB948D90}"/>
                </a:ext>
              </a:extLst>
            </p:cNvPr>
            <p:cNvSpPr/>
            <p:nvPr userDrawn="1">
              <p:custDataLst>
                <p:tags r:id="rId56"/>
              </p:custDataLst>
            </p:nvPr>
          </p:nvSpPr>
          <p:spPr>
            <a:xfrm>
              <a:off x="521628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0" name="1">
              <a:extLst>
                <a:ext uri="{FF2B5EF4-FFF2-40B4-BE49-F238E27FC236}">
                  <a16:creationId xmlns:a16="http://schemas.microsoft.com/office/drawing/2014/main" id="{B375DE0F-1FC3-4AAD-B356-C9A3A482C506}"/>
                </a:ext>
              </a:extLst>
            </p:cNvPr>
            <p:cNvSpPr/>
            <p:nvPr userDrawn="1">
              <p:custDataLst>
                <p:tags r:id="rId57"/>
              </p:custDataLst>
            </p:nvPr>
          </p:nvSpPr>
          <p:spPr>
            <a:xfrm>
              <a:off x="7948823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2" name="C">
              <a:extLst>
                <a:ext uri="{FF2B5EF4-FFF2-40B4-BE49-F238E27FC236}">
                  <a16:creationId xmlns:a16="http://schemas.microsoft.com/office/drawing/2014/main" id="{82A4A22E-F58E-400A-BF42-0B345083C2DA}"/>
                </a:ext>
              </a:extLst>
            </p:cNvPr>
            <p:cNvSpPr/>
            <p:nvPr userDrawn="1">
              <p:custDataLst>
                <p:tags r:id="rId58"/>
              </p:custDataLst>
            </p:nvPr>
          </p:nvSpPr>
          <p:spPr>
            <a:xfrm>
              <a:off x="424426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4" name="1">
              <a:extLst>
                <a:ext uri="{FF2B5EF4-FFF2-40B4-BE49-F238E27FC236}">
                  <a16:creationId xmlns:a16="http://schemas.microsoft.com/office/drawing/2014/main" id="{18F2331C-BB65-4FCB-BB33-C3286B6868D4}"/>
                </a:ext>
              </a:extLst>
            </p:cNvPr>
            <p:cNvSpPr/>
            <p:nvPr userDrawn="1">
              <p:custDataLst>
                <p:tags r:id="rId59"/>
              </p:custDataLst>
            </p:nvPr>
          </p:nvSpPr>
          <p:spPr>
            <a:xfrm>
              <a:off x="8918208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6" name="C">
              <a:extLst>
                <a:ext uri="{FF2B5EF4-FFF2-40B4-BE49-F238E27FC236}">
                  <a16:creationId xmlns:a16="http://schemas.microsoft.com/office/drawing/2014/main" id="{0B31BD39-E957-4B61-99A5-4BA424B9346E}"/>
                </a:ext>
              </a:extLst>
            </p:cNvPr>
            <p:cNvSpPr/>
            <p:nvPr userDrawn="1">
              <p:custDataLst>
                <p:tags r:id="rId60"/>
              </p:custDataLst>
            </p:nvPr>
          </p:nvSpPr>
          <p:spPr>
            <a:xfrm>
              <a:off x="3273411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8" name="1">
              <a:extLst>
                <a:ext uri="{FF2B5EF4-FFF2-40B4-BE49-F238E27FC236}">
                  <a16:creationId xmlns:a16="http://schemas.microsoft.com/office/drawing/2014/main" id="{51C7EEDE-B06B-4A00-9549-E9285576C892}"/>
                </a:ext>
              </a:extLst>
            </p:cNvPr>
            <p:cNvSpPr/>
            <p:nvPr userDrawn="1">
              <p:custDataLst>
                <p:tags r:id="rId61"/>
              </p:custDataLst>
            </p:nvPr>
          </p:nvSpPr>
          <p:spPr>
            <a:xfrm>
              <a:off x="10859298" y="359998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50" name="C">
              <a:extLst>
                <a:ext uri="{FF2B5EF4-FFF2-40B4-BE49-F238E27FC236}">
                  <a16:creationId xmlns:a16="http://schemas.microsoft.com/office/drawing/2014/main" id="{346FE888-2B04-40EA-9D03-3CBF808A53C4}"/>
                </a:ext>
              </a:extLst>
            </p:cNvPr>
            <p:cNvSpPr/>
            <p:nvPr userDrawn="1">
              <p:custDataLst>
                <p:tags r:id="rId62"/>
              </p:custDataLst>
            </p:nvPr>
          </p:nvSpPr>
          <p:spPr>
            <a:xfrm>
              <a:off x="230197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52" name="1">
              <a:extLst>
                <a:ext uri="{FF2B5EF4-FFF2-40B4-BE49-F238E27FC236}">
                  <a16:creationId xmlns:a16="http://schemas.microsoft.com/office/drawing/2014/main" id="{8ED580F1-63D4-4934-8F07-895D75D68EFC}"/>
                </a:ext>
              </a:extLst>
            </p:cNvPr>
            <p:cNvSpPr/>
            <p:nvPr userDrawn="1">
              <p:custDataLst>
                <p:tags r:id="rId63"/>
              </p:custDataLst>
            </p:nvPr>
          </p:nvSpPr>
          <p:spPr>
            <a:xfrm>
              <a:off x="9889710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54" name="C">
              <a:extLst>
                <a:ext uri="{FF2B5EF4-FFF2-40B4-BE49-F238E27FC236}">
                  <a16:creationId xmlns:a16="http://schemas.microsoft.com/office/drawing/2014/main" id="{64E6E6C5-4F17-4E72-A63A-4DC01755A9FF}"/>
                </a:ext>
              </a:extLst>
            </p:cNvPr>
            <p:cNvSpPr/>
            <p:nvPr userDrawn="1">
              <p:custDataLst>
                <p:tags r:id="rId64"/>
              </p:custDataLst>
            </p:nvPr>
          </p:nvSpPr>
          <p:spPr>
            <a:xfrm>
              <a:off x="1331000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</p:grpSp>
      <p:sp>
        <p:nvSpPr>
          <p:cNvPr id="2" name="Dynamic legal" descr="{&quot;templafy&quot;:{&quot;id&quot;:&quot;997a5c3f-013c-42e1-a4dd-c9f0ef9bd306&quot;}}">
            <a:extLst>
              <a:ext uri="{FF2B5EF4-FFF2-40B4-BE49-F238E27FC236}">
                <a16:creationId xmlns:a16="http://schemas.microsoft.com/office/drawing/2014/main" id="{0893D05B-A6A8-D2E4-8BA6-4BD65C444FDC}"/>
              </a:ext>
            </a:extLst>
          </p:cNvPr>
          <p:cNvSpPr txBox="1"/>
          <p:nvPr userDrawn="1"/>
        </p:nvSpPr>
        <p:spPr>
          <a:xfrm>
            <a:off x="-1191" y="6678000"/>
            <a:ext cx="9145191" cy="212396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l" defTabSz="666750">
              <a:tabLst/>
            </a:pPr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												© 2024 Cigna Healthcare</a:t>
            </a:r>
          </a:p>
        </p:txBody>
      </p:sp>
      <p:sp>
        <p:nvSpPr>
          <p:cNvPr id="5" name="Dynmic Internal use only" descr="{&quot;templafy&quot;:{&quot;id&quot;:&quot;692751c1-787c-4bc9-a020-550dc2524e21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6898D8C0-70A7-8B0E-B476-D6CFB5D968C9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5" name="Logo">
            <a:extLst>
              <a:ext uri="{FF2B5EF4-FFF2-40B4-BE49-F238E27FC236}">
                <a16:creationId xmlns:a16="http://schemas.microsoft.com/office/drawing/2014/main" id="{6D84D65A-09B0-E86C-A9C7-85A161713406}"/>
              </a:ext>
            </a:extLst>
          </p:cNvPr>
          <p:cNvPicPr>
            <a:picLocks noChangeAspect="1"/>
          </p:cNvPicPr>
          <p:nvPr userDrawn="1"/>
        </p:nvPicPr>
        <p:blipFill>
          <a:blip r:embed="rId6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6"/>
              </a:ext>
            </a:extLst>
          </a:blip>
          <a:srcRect/>
          <a:stretch/>
        </p:blipFill>
        <p:spPr>
          <a:xfrm>
            <a:off x="270000" y="6067944"/>
            <a:ext cx="594000" cy="430177"/>
          </a:xfrm>
          <a:prstGeom prst="rect">
            <a:avLst/>
          </a:prstGeom>
        </p:spPr>
      </p:pic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70001" y="1548000"/>
            <a:ext cx="8604308" cy="437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  <a:endParaRPr lang="en-US" dirty="0"/>
          </a:p>
          <a:p>
            <a:pPr lvl="1"/>
            <a:r>
              <a:rPr lang="en-US" noProof="0" dirty="0"/>
              <a:t>Level 2</a:t>
            </a:r>
            <a:endParaRPr lang="en-US" dirty="0"/>
          </a:p>
          <a:p>
            <a:pPr lvl="2"/>
            <a:r>
              <a:rPr lang="en-US" noProof="0" dirty="0"/>
              <a:t>Level 3</a:t>
            </a:r>
            <a:endParaRPr lang="en-US" dirty="0"/>
          </a:p>
          <a:p>
            <a:pPr lvl="3"/>
            <a:r>
              <a:rPr lang="en-US" noProof="0" dirty="0"/>
              <a:t>Level 4, Header</a:t>
            </a:r>
            <a:endParaRPr lang="en-US" dirty="0"/>
          </a:p>
          <a:p>
            <a:pPr lvl="4"/>
            <a:r>
              <a:rPr lang="en-US" noProof="0" dirty="0"/>
              <a:t>Level 5, Body</a:t>
            </a:r>
            <a:endParaRPr lang="en-US" dirty="0"/>
          </a:p>
          <a:p>
            <a:pPr lvl="5"/>
            <a:r>
              <a:rPr lang="en-US" noProof="0" dirty="0"/>
              <a:t>Level 6</a:t>
            </a:r>
            <a:endParaRPr lang="en-US" dirty="0"/>
          </a:p>
          <a:p>
            <a:pPr lvl="6"/>
            <a:r>
              <a:rPr lang="en-US" noProof="0" dirty="0"/>
              <a:t>Level 7, Small Header</a:t>
            </a:r>
            <a:endParaRPr lang="en-US" dirty="0"/>
          </a:p>
          <a:p>
            <a:pPr lvl="7"/>
            <a:r>
              <a:rPr lang="en-US" noProof="0" dirty="0"/>
              <a:t>Level 8, Small Body</a:t>
            </a:r>
            <a:endParaRPr lang="en-US" dirty="0"/>
          </a:p>
          <a:p>
            <a:pPr lvl="8"/>
            <a:r>
              <a:rPr lang="en-US" noProof="0" dirty="0"/>
              <a:t>Level 9, Infographic</a:t>
            </a:r>
            <a:endParaRPr lang="en-US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0000" y="360000"/>
            <a:ext cx="8604900" cy="11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50" b="1" spc="0" baseline="0">
                <a:solidFill>
                  <a:schemeClr val="accent1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1" name="Footer Placeholder 40">
            <a:extLst>
              <a:ext uri="{FF2B5EF4-FFF2-40B4-BE49-F238E27FC236}">
                <a16:creationId xmlns:a16="http://schemas.microsoft.com/office/drawing/2014/main" id="{D26C0B3A-4C90-B9B9-20DB-869AD857A6E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905900" y="6318000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50">
                <a:solidFill>
                  <a:schemeClr val="accent1"/>
                </a:solidFill>
                <a:latin typeface="Arial Narrow" panose="020B0606020202030204" pitchFamily="34" charset="0"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90425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0" r:id="rId1"/>
    <p:sldLayoutId id="2147483701" r:id="rId2"/>
    <p:sldLayoutId id="2147483702" r:id="rId3"/>
    <p:sldLayoutId id="2147483703" r:id="rId4"/>
    <p:sldLayoutId id="2147483704" r:id="rId5"/>
    <p:sldLayoutId id="2147483705" r:id="rId6"/>
    <p:sldLayoutId id="2147483706" r:id="rId7"/>
    <p:sldLayoutId id="2147483707" r:id="rId8"/>
    <p:sldLayoutId id="2147483708" r:id="rId9"/>
    <p:sldLayoutId id="2147483709" r:id="rId10"/>
    <p:sldLayoutId id="2147483710" r:id="rId11"/>
    <p:sldLayoutId id="2147483711" r:id="rId12"/>
    <p:sldLayoutId id="2147483712" r:id="rId13"/>
    <p:sldLayoutId id="2147483713" r:id="rId14"/>
    <p:sldLayoutId id="2147483714" r:id="rId15"/>
    <p:sldLayoutId id="2147483715" r:id="rId16"/>
    <p:sldLayoutId id="2147483716" r:id="rId17"/>
    <p:sldLayoutId id="2147483717" r:id="rId18"/>
    <p:sldLayoutId id="2147483718" r:id="rId19"/>
    <p:sldLayoutId id="2147483719" r:id="rId20"/>
    <p:sldLayoutId id="2147483720" r:id="rId21"/>
    <p:sldLayoutId id="2147483721" r:id="rId22"/>
    <p:sldLayoutId id="2147483722" r:id="rId23"/>
    <p:sldLayoutId id="2147483723" r:id="rId24"/>
    <p:sldLayoutId id="2147483724" r:id="rId25"/>
    <p:sldLayoutId id="2147483725" r:id="rId26"/>
    <p:sldLayoutId id="2147483726" r:id="rId27"/>
    <p:sldLayoutId id="2147483727" r:id="rId28"/>
    <p:sldLayoutId id="2147483728" r:id="rId29"/>
    <p:sldLayoutId id="2147483729" r:id="rId30"/>
    <p:sldLayoutId id="2147483730" r:id="rId31"/>
    <p:sldLayoutId id="2147483731" r:id="rId32"/>
    <p:sldLayoutId id="2147483732" r:id="rId33"/>
    <p:sldLayoutId id="2147483733" r:id="rId34"/>
    <p:sldLayoutId id="2147483734" r:id="rId35"/>
    <p:sldLayoutId id="2147483735" r:id="rId36"/>
    <p:sldLayoutId id="2147483736" r:id="rId37"/>
    <p:sldLayoutId id="2147483737" r:id="rId38"/>
    <p:sldLayoutId id="2147483738" r:id="rId39"/>
    <p:sldLayoutId id="2147483739" r:id="rId40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b="1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35000" indent="-135000" algn="l" defTabSz="685800" rtl="0" eaLnBrk="1" latinLnBrk="0" hangingPunct="1">
        <a:lnSpc>
          <a:spcPct val="100000"/>
        </a:lnSpc>
        <a:spcBef>
          <a:spcPts val="0"/>
        </a:spcBef>
        <a:spcAft>
          <a:spcPts val="450"/>
        </a:spcAft>
        <a:buFont typeface="Verdana" panose="020B0604030504040204" pitchFamily="34" charset="0"/>
        <a:buChar char="•"/>
        <a:defRPr sz="1200" kern="1200">
          <a:solidFill>
            <a:schemeClr val="tx2"/>
          </a:solidFill>
          <a:latin typeface="+mn-lt"/>
          <a:ea typeface="+mn-ea"/>
          <a:cs typeface="+mn-cs"/>
        </a:defRPr>
      </a:lvl1pPr>
      <a:lvl2pPr marL="270000" indent="-135000" algn="l" defTabSz="685800" rtl="0" eaLnBrk="1" latinLnBrk="0" hangingPunct="1">
        <a:lnSpc>
          <a:spcPct val="100000"/>
        </a:lnSpc>
        <a:spcBef>
          <a:spcPts val="0"/>
        </a:spcBef>
        <a:spcAft>
          <a:spcPts val="450"/>
        </a:spcAft>
        <a:buSzPct val="80000"/>
        <a:buFont typeface="Verdana" panose="020B0604030504040204" pitchFamily="34" charset="0"/>
        <a:buChar char="&gt;"/>
        <a:defRPr sz="1200" kern="1200">
          <a:solidFill>
            <a:schemeClr val="tx2"/>
          </a:solidFill>
          <a:latin typeface="+mn-lt"/>
          <a:ea typeface="+mn-ea"/>
          <a:cs typeface="+mn-cs"/>
        </a:defRPr>
      </a:lvl2pPr>
      <a:lvl3pPr marL="405000" indent="-135000" algn="l" defTabSz="685800" rtl="0" eaLnBrk="1" latinLnBrk="0" hangingPunct="1">
        <a:lnSpc>
          <a:spcPct val="100000"/>
        </a:lnSpc>
        <a:spcBef>
          <a:spcPts val="0"/>
        </a:spcBef>
        <a:spcAft>
          <a:spcPts val="450"/>
        </a:spcAft>
        <a:buSzPct val="80000"/>
        <a:buFont typeface="Verdana" panose="020B0604030504040204" pitchFamily="34" charset="0"/>
        <a:buChar char="-"/>
        <a:defRPr sz="1200" kern="1200">
          <a:solidFill>
            <a:schemeClr val="tx2"/>
          </a:solidFill>
          <a:latin typeface="+mn-lt"/>
          <a:ea typeface="+mn-ea"/>
          <a:cs typeface="+mn-cs"/>
        </a:defRPr>
      </a:lvl3pPr>
      <a:lvl4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Verdana" panose="020B0604030504040204" pitchFamily="34" charset="0"/>
        <a:buChar char="​"/>
        <a:defRPr sz="1200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Verdana" panose="020B0604030504040204" pitchFamily="34" charset="0"/>
        <a:buChar char="​"/>
        <a:tabLst/>
        <a:defRPr sz="1200" kern="1200">
          <a:solidFill>
            <a:schemeClr val="tx2"/>
          </a:solidFill>
          <a:latin typeface="+mn-lt"/>
          <a:ea typeface="+mn-ea"/>
          <a:cs typeface="+mn-cs"/>
        </a:defRPr>
      </a:lvl5pPr>
      <a:lvl6pPr marL="67500" indent="-67500" algn="l" defTabSz="685800" rtl="0" eaLnBrk="1" latinLnBrk="0" hangingPunct="1">
        <a:lnSpc>
          <a:spcPct val="120000"/>
        </a:lnSpc>
        <a:spcBef>
          <a:spcPts val="0"/>
        </a:spcBef>
        <a:spcAft>
          <a:spcPts val="450"/>
        </a:spcAft>
        <a:buFont typeface="Arial" panose="020B0604020202020204" pitchFamily="34" charset="0"/>
        <a:buChar char="•"/>
        <a:defRPr sz="75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685800" rtl="0" eaLnBrk="1" latinLnBrk="0" hangingPunct="1">
        <a:lnSpc>
          <a:spcPct val="120000"/>
        </a:lnSpc>
        <a:spcBef>
          <a:spcPts val="0"/>
        </a:spcBef>
        <a:spcAft>
          <a:spcPts val="450"/>
        </a:spcAft>
        <a:buFont typeface="Verdana" panose="020B0604030504040204" pitchFamily="34" charset="0"/>
        <a:buChar char="​"/>
        <a:defRPr sz="750" b="1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0" indent="0" algn="l" defTabSz="685800" rtl="0" eaLnBrk="1" latinLnBrk="0" hangingPunct="1">
        <a:lnSpc>
          <a:spcPct val="120000"/>
        </a:lnSpc>
        <a:spcBef>
          <a:spcPts val="0"/>
        </a:spcBef>
        <a:spcAft>
          <a:spcPts val="450"/>
        </a:spcAft>
        <a:buFont typeface="Verdana" panose="020B0604030504040204" pitchFamily="34" charset="0"/>
        <a:buChar char="​"/>
        <a:defRPr sz="75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685800" rtl="0" eaLnBrk="1" latinLnBrk="0" hangingPunct="1">
        <a:lnSpc>
          <a:spcPct val="90000"/>
        </a:lnSpc>
        <a:spcBef>
          <a:spcPts val="900"/>
        </a:spcBef>
        <a:spcAft>
          <a:spcPts val="0"/>
        </a:spcAft>
        <a:buFont typeface="Verdana" panose="020B0604030504040204" pitchFamily="34" charset="0"/>
        <a:buChar char="​"/>
        <a:defRPr sz="3300" b="1" kern="1200" spc="-113" baseline="0">
          <a:solidFill>
            <a:schemeClr val="accent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>
          <p15:clr>
            <a:srgbClr val="A4A3A4"/>
          </p15:clr>
        </p15:guide>
        <p15:guide id="2" pos="725">
          <p15:clr>
            <a:srgbClr val="A4A3A4"/>
          </p15:clr>
        </p15:guide>
        <p15:guide id="3" orient="horz" pos="226">
          <p15:clr>
            <a:srgbClr val="A4A3A4"/>
          </p15:clr>
        </p15:guide>
        <p15:guide id="4" orient="horz" pos="4093">
          <p15:clr>
            <a:srgbClr val="A4A3A4"/>
          </p15:clr>
        </p15:guide>
        <p15:guide id="6" pos="4394">
          <p15:clr>
            <a:srgbClr val="A4A3A4"/>
          </p15:clr>
        </p15:guide>
        <p15:guide id="7" pos="838">
          <p15:clr>
            <a:srgbClr val="A4A3A4"/>
          </p15:clr>
        </p15:guide>
        <p15:guide id="9" pos="2673">
          <p15:clr>
            <a:srgbClr val="A4A3A4"/>
          </p15:clr>
        </p15:guide>
        <p15:guide id="10" pos="3171">
          <p15:clr>
            <a:srgbClr val="A4A3A4"/>
          </p15:clr>
        </p15:guide>
        <p15:guide id="11" pos="6229">
          <p15:clr>
            <a:srgbClr val="A4A3A4"/>
          </p15:clr>
        </p15:guide>
        <p15:guide id="13" pos="6840">
          <p15:clr>
            <a:srgbClr val="A4A3A4"/>
          </p15:clr>
        </p15:guide>
        <p15:guide id="16" pos="5120">
          <p15:clr>
            <a:srgbClr val="A4A3A4"/>
          </p15:clr>
        </p15:guide>
        <p15:guide id="17" pos="3285">
          <p15:clr>
            <a:srgbClr val="A4A3A4"/>
          </p15:clr>
        </p15:guide>
        <p15:guide id="18" pos="3784">
          <p15:clr>
            <a:srgbClr val="A4A3A4"/>
          </p15:clr>
        </p15:guide>
        <p15:guide id="20" pos="1948">
          <p15:clr>
            <a:srgbClr val="A4A3A4"/>
          </p15:clr>
        </p15:guide>
        <p15:guide id="21" pos="6952">
          <p15:clr>
            <a:srgbClr val="A4A3A4"/>
          </p15:clr>
        </p15:guide>
        <p15:guide id="23" pos="2061">
          <p15:clr>
            <a:srgbClr val="A4A3A4"/>
          </p15:clr>
        </p15:guide>
        <p15:guide id="24" pos="2560">
          <p15:clr>
            <a:srgbClr val="A4A3A4"/>
          </p15:clr>
        </p15:guide>
        <p15:guide id="26" pos="6342">
          <p15:clr>
            <a:srgbClr val="A4A3A4"/>
          </p15:clr>
        </p15:guide>
        <p15:guide id="28" pos="5006">
          <p15:clr>
            <a:srgbClr val="A4A3A4"/>
          </p15:clr>
        </p15:guide>
        <p15:guide id="29" pos="4507">
          <p15:clr>
            <a:srgbClr val="A4A3A4"/>
          </p15:clr>
        </p15:guide>
        <p15:guide id="30" pos="3908">
          <p15:clr>
            <a:srgbClr val="A4A3A4"/>
          </p15:clr>
        </p15:guide>
        <p15:guide id="31" pos="5731">
          <p15:clr>
            <a:srgbClr val="A4A3A4"/>
          </p15:clr>
        </p15:guide>
        <p15:guide id="32" pos="5617">
          <p15:clr>
            <a:srgbClr val="A4A3A4"/>
          </p15:clr>
        </p15:guide>
        <p15:guide id="33" pos="1337">
          <p15:clr>
            <a:srgbClr val="A4A3A4"/>
          </p15:clr>
        </p15:guide>
        <p15:guide id="34" pos="1451">
          <p15:clr>
            <a:srgbClr val="A4A3A4"/>
          </p15:clr>
        </p15:guide>
        <p15:guide id="35" pos="7453">
          <p15:clr>
            <a:srgbClr val="A4A3A4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 bwMode="ltGray"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3" name="Group guide" hidden="1">
            <a:extLst>
              <a:ext uri="{FF2B5EF4-FFF2-40B4-BE49-F238E27FC236}">
                <a16:creationId xmlns:a16="http://schemas.microsoft.com/office/drawing/2014/main" id="{AF56D866-B789-C130-77E4-8967E377B6C7}"/>
              </a:ext>
            </a:extLst>
          </p:cNvPr>
          <p:cNvGrpSpPr/>
          <p:nvPr userDrawn="1"/>
        </p:nvGrpSpPr>
        <p:grpSpPr>
          <a:xfrm>
            <a:off x="270000" y="359998"/>
            <a:ext cx="8601441" cy="6138003"/>
            <a:chOff x="360000" y="359997"/>
            <a:chExt cx="11468588" cy="6138003"/>
          </a:xfrm>
        </p:grpSpPr>
        <p:sp>
          <p:nvSpPr>
            <p:cNvPr id="6" name="C">
              <a:extLst>
                <a:ext uri="{FF2B5EF4-FFF2-40B4-BE49-F238E27FC236}">
                  <a16:creationId xmlns:a16="http://schemas.microsoft.com/office/drawing/2014/main" id="{1C4B9106-8C42-4FD6-BE41-D1A11D08B0DE}"/>
                </a:ext>
              </a:extLst>
            </p:cNvPr>
            <p:cNvSpPr/>
            <p:nvPr userDrawn="1">
              <p:custDataLst>
                <p:tags r:id="rId42"/>
              </p:custDataLst>
            </p:nvPr>
          </p:nvSpPr>
          <p:spPr>
            <a:xfrm>
              <a:off x="360000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2" name="1-">
              <a:extLst>
                <a:ext uri="{FF2B5EF4-FFF2-40B4-BE49-F238E27FC236}">
                  <a16:creationId xmlns:a16="http://schemas.microsoft.com/office/drawing/2014/main" id="{881042B9-FC01-4F98-ACD8-49BC2F3E922C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1151000" y="360000"/>
              <a:ext cx="180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4" name="C">
              <a:extLst>
                <a:ext uri="{FF2B5EF4-FFF2-40B4-BE49-F238E27FC236}">
                  <a16:creationId xmlns:a16="http://schemas.microsoft.com/office/drawing/2014/main" id="{59C7C277-9424-433C-8660-29713F1B7FB3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1103758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6" name="1">
              <a:extLst>
                <a:ext uri="{FF2B5EF4-FFF2-40B4-BE49-F238E27FC236}">
                  <a16:creationId xmlns:a16="http://schemas.microsoft.com/office/drawing/2014/main" id="{AD6D570A-8EAB-4316-A81F-BA83274CE3DF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2123710" y="359997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18" name="C">
              <a:extLst>
                <a:ext uri="{FF2B5EF4-FFF2-40B4-BE49-F238E27FC236}">
                  <a16:creationId xmlns:a16="http://schemas.microsoft.com/office/drawing/2014/main" id="{AF9B7D13-D0E0-4CE3-8CA5-02630940ED38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10068154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0" name="1">
              <a:extLst>
                <a:ext uri="{FF2B5EF4-FFF2-40B4-BE49-F238E27FC236}">
                  <a16:creationId xmlns:a16="http://schemas.microsoft.com/office/drawing/2014/main" id="{033FDCAC-185D-4077-BE01-7E2E533BA124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3093000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2" name="C">
              <a:extLst>
                <a:ext uri="{FF2B5EF4-FFF2-40B4-BE49-F238E27FC236}">
                  <a16:creationId xmlns:a16="http://schemas.microsoft.com/office/drawing/2014/main" id="{59D95ABC-476B-43DD-B11D-841FD1CCCE12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909820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4" name="1">
              <a:extLst>
                <a:ext uri="{FF2B5EF4-FFF2-40B4-BE49-F238E27FC236}">
                  <a16:creationId xmlns:a16="http://schemas.microsoft.com/office/drawing/2014/main" id="{5786BE75-81AB-4139-B2E5-FC8F4EB28B66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4064045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6" name="C">
              <a:extLst>
                <a:ext uri="{FF2B5EF4-FFF2-40B4-BE49-F238E27FC236}">
                  <a16:creationId xmlns:a16="http://schemas.microsoft.com/office/drawing/2014/main" id="{129A9A3B-B084-4187-8ACA-4F0D6C08FE4E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8128823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28" name="1">
              <a:extLst>
                <a:ext uri="{FF2B5EF4-FFF2-40B4-BE49-F238E27FC236}">
                  <a16:creationId xmlns:a16="http://schemas.microsoft.com/office/drawing/2014/main" id="{DEC24EF5-2922-409A-98A1-4BE1189C8532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5035045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0" name="C">
              <a:extLst>
                <a:ext uri="{FF2B5EF4-FFF2-40B4-BE49-F238E27FC236}">
                  <a16:creationId xmlns:a16="http://schemas.microsoft.com/office/drawing/2014/main" id="{9E90051A-07FE-4055-B29A-3240854D0EDD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7157321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2" name="1">
              <a:extLst>
                <a:ext uri="{FF2B5EF4-FFF2-40B4-BE49-F238E27FC236}">
                  <a16:creationId xmlns:a16="http://schemas.microsoft.com/office/drawing/2014/main" id="{A3700F78-6579-4287-82B2-6DFA45008FBC}"/>
                </a:ext>
              </a:extLst>
            </p:cNvPr>
            <p:cNvSpPr/>
            <p:nvPr userDrawn="1">
              <p:custDataLst>
                <p:tags r:id="rId53"/>
              </p:custDataLst>
            </p:nvPr>
          </p:nvSpPr>
          <p:spPr>
            <a:xfrm>
              <a:off x="6007384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4" name="C">
              <a:extLst>
                <a:ext uri="{FF2B5EF4-FFF2-40B4-BE49-F238E27FC236}">
                  <a16:creationId xmlns:a16="http://schemas.microsoft.com/office/drawing/2014/main" id="{1DA00B94-1AAF-46A9-9411-BB34A0426C6A}"/>
                </a:ext>
              </a:extLst>
            </p:cNvPr>
            <p:cNvSpPr/>
            <p:nvPr userDrawn="1">
              <p:custDataLst>
                <p:tags r:id="rId54"/>
              </p:custDataLst>
            </p:nvPr>
          </p:nvSpPr>
          <p:spPr>
            <a:xfrm>
              <a:off x="618604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6" name="1">
              <a:extLst>
                <a:ext uri="{FF2B5EF4-FFF2-40B4-BE49-F238E27FC236}">
                  <a16:creationId xmlns:a16="http://schemas.microsoft.com/office/drawing/2014/main" id="{ECDF4EC4-C654-4CC0-A697-7C7F76265642}"/>
                </a:ext>
              </a:extLst>
            </p:cNvPr>
            <p:cNvSpPr/>
            <p:nvPr userDrawn="1">
              <p:custDataLst>
                <p:tags r:id="rId55"/>
              </p:custDataLst>
            </p:nvPr>
          </p:nvSpPr>
          <p:spPr>
            <a:xfrm>
              <a:off x="6975706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38" name="C">
              <a:extLst>
                <a:ext uri="{FF2B5EF4-FFF2-40B4-BE49-F238E27FC236}">
                  <a16:creationId xmlns:a16="http://schemas.microsoft.com/office/drawing/2014/main" id="{6A79D1EE-D920-468B-9064-1E73DB948D90}"/>
                </a:ext>
              </a:extLst>
            </p:cNvPr>
            <p:cNvSpPr/>
            <p:nvPr userDrawn="1">
              <p:custDataLst>
                <p:tags r:id="rId56"/>
              </p:custDataLst>
            </p:nvPr>
          </p:nvSpPr>
          <p:spPr>
            <a:xfrm>
              <a:off x="521628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0" name="1">
              <a:extLst>
                <a:ext uri="{FF2B5EF4-FFF2-40B4-BE49-F238E27FC236}">
                  <a16:creationId xmlns:a16="http://schemas.microsoft.com/office/drawing/2014/main" id="{B375DE0F-1FC3-4AAD-B356-C9A3A482C506}"/>
                </a:ext>
              </a:extLst>
            </p:cNvPr>
            <p:cNvSpPr/>
            <p:nvPr userDrawn="1">
              <p:custDataLst>
                <p:tags r:id="rId57"/>
              </p:custDataLst>
            </p:nvPr>
          </p:nvSpPr>
          <p:spPr>
            <a:xfrm>
              <a:off x="7948823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2" name="C">
              <a:extLst>
                <a:ext uri="{FF2B5EF4-FFF2-40B4-BE49-F238E27FC236}">
                  <a16:creationId xmlns:a16="http://schemas.microsoft.com/office/drawing/2014/main" id="{82A4A22E-F58E-400A-BF42-0B345083C2DA}"/>
                </a:ext>
              </a:extLst>
            </p:cNvPr>
            <p:cNvSpPr/>
            <p:nvPr userDrawn="1">
              <p:custDataLst>
                <p:tags r:id="rId58"/>
              </p:custDataLst>
            </p:nvPr>
          </p:nvSpPr>
          <p:spPr>
            <a:xfrm>
              <a:off x="4244265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4" name="1">
              <a:extLst>
                <a:ext uri="{FF2B5EF4-FFF2-40B4-BE49-F238E27FC236}">
                  <a16:creationId xmlns:a16="http://schemas.microsoft.com/office/drawing/2014/main" id="{18F2331C-BB65-4FCB-BB33-C3286B6868D4}"/>
                </a:ext>
              </a:extLst>
            </p:cNvPr>
            <p:cNvSpPr/>
            <p:nvPr userDrawn="1">
              <p:custDataLst>
                <p:tags r:id="rId59"/>
              </p:custDataLst>
            </p:nvPr>
          </p:nvSpPr>
          <p:spPr>
            <a:xfrm>
              <a:off x="8918208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6" name="C">
              <a:extLst>
                <a:ext uri="{FF2B5EF4-FFF2-40B4-BE49-F238E27FC236}">
                  <a16:creationId xmlns:a16="http://schemas.microsoft.com/office/drawing/2014/main" id="{0B31BD39-E957-4B61-99A5-4BA424B9346E}"/>
                </a:ext>
              </a:extLst>
            </p:cNvPr>
            <p:cNvSpPr/>
            <p:nvPr userDrawn="1">
              <p:custDataLst>
                <p:tags r:id="rId60"/>
              </p:custDataLst>
            </p:nvPr>
          </p:nvSpPr>
          <p:spPr>
            <a:xfrm>
              <a:off x="3273411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48" name="1">
              <a:extLst>
                <a:ext uri="{FF2B5EF4-FFF2-40B4-BE49-F238E27FC236}">
                  <a16:creationId xmlns:a16="http://schemas.microsoft.com/office/drawing/2014/main" id="{51C7EEDE-B06B-4A00-9549-E9285576C892}"/>
                </a:ext>
              </a:extLst>
            </p:cNvPr>
            <p:cNvSpPr/>
            <p:nvPr userDrawn="1">
              <p:custDataLst>
                <p:tags r:id="rId61"/>
              </p:custDataLst>
            </p:nvPr>
          </p:nvSpPr>
          <p:spPr>
            <a:xfrm>
              <a:off x="10859298" y="359998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50" name="C">
              <a:extLst>
                <a:ext uri="{FF2B5EF4-FFF2-40B4-BE49-F238E27FC236}">
                  <a16:creationId xmlns:a16="http://schemas.microsoft.com/office/drawing/2014/main" id="{346FE888-2B04-40EA-9D03-3CBF808A53C4}"/>
                </a:ext>
              </a:extLst>
            </p:cNvPr>
            <p:cNvSpPr/>
            <p:nvPr userDrawn="1">
              <p:custDataLst>
                <p:tags r:id="rId62"/>
              </p:custDataLst>
            </p:nvPr>
          </p:nvSpPr>
          <p:spPr>
            <a:xfrm>
              <a:off x="2301978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52" name="1">
              <a:extLst>
                <a:ext uri="{FF2B5EF4-FFF2-40B4-BE49-F238E27FC236}">
                  <a16:creationId xmlns:a16="http://schemas.microsoft.com/office/drawing/2014/main" id="{8ED580F1-63D4-4934-8F07-895D75D68EFC}"/>
                </a:ext>
              </a:extLst>
            </p:cNvPr>
            <p:cNvSpPr/>
            <p:nvPr userDrawn="1">
              <p:custDataLst>
                <p:tags r:id="rId63"/>
              </p:custDataLst>
            </p:nvPr>
          </p:nvSpPr>
          <p:spPr>
            <a:xfrm>
              <a:off x="9889710" y="359999"/>
              <a:ext cx="180000" cy="6137999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  <p:sp>
          <p:nvSpPr>
            <p:cNvPr id="54" name="C">
              <a:extLst>
                <a:ext uri="{FF2B5EF4-FFF2-40B4-BE49-F238E27FC236}">
                  <a16:creationId xmlns:a16="http://schemas.microsoft.com/office/drawing/2014/main" id="{64E6E6C5-4F17-4E72-A63A-4DC01755A9FF}"/>
                </a:ext>
              </a:extLst>
            </p:cNvPr>
            <p:cNvSpPr/>
            <p:nvPr userDrawn="1">
              <p:custDataLst>
                <p:tags r:id="rId64"/>
              </p:custDataLst>
            </p:nvPr>
          </p:nvSpPr>
          <p:spPr>
            <a:xfrm>
              <a:off x="1331000" y="360000"/>
              <a:ext cx="791000" cy="6138000"/>
            </a:xfrm>
            <a:prstGeom prst="rect">
              <a:avLst/>
            </a:prstGeom>
            <a:noFill/>
            <a:ln w="3175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375" dirty="0">
                  <a:ln w="3175">
                    <a:noFill/>
                  </a:ln>
                  <a:solidFill>
                    <a:srgbClr val="FF0066"/>
                  </a:solidFill>
                </a:rPr>
                <a:t>1</a:t>
              </a:r>
              <a:endParaRPr lang="en-US" sz="1350" dirty="0"/>
            </a:p>
          </p:txBody>
        </p:sp>
      </p:grpSp>
      <p:sp>
        <p:nvSpPr>
          <p:cNvPr id="2" name="Dynamic legal" descr="{&quot;templafy&quot;:{&quot;id&quot;:&quot;8c67c4f0-2b48-476e-a8c5-e41f8e56f802&quot;}}">
            <a:extLst>
              <a:ext uri="{FF2B5EF4-FFF2-40B4-BE49-F238E27FC236}">
                <a16:creationId xmlns:a16="http://schemas.microsoft.com/office/drawing/2014/main" id="{0893D05B-A6A8-D2E4-8BA6-4BD65C444FDC}"/>
              </a:ext>
            </a:extLst>
          </p:cNvPr>
          <p:cNvSpPr txBox="1"/>
          <p:nvPr userDrawn="1"/>
        </p:nvSpPr>
        <p:spPr>
          <a:xfrm>
            <a:off x="-1191" y="6678000"/>
            <a:ext cx="9145191" cy="180000"/>
          </a:xfrm>
          <a:prstGeom prst="rect">
            <a:avLst/>
          </a:prstGeom>
          <a:solidFill>
            <a:srgbClr val="110081"/>
          </a:solidFill>
          <a:ln>
            <a:noFill/>
          </a:ln>
        </p:spPr>
        <p:txBody>
          <a:bodyPr wrap="square" lIns="0" tIns="0" rIns="0" bIns="0" anchor="ctr" anchorCtr="0">
            <a:noAutofit/>
          </a:bodyPr>
          <a:lstStyle/>
          <a:p>
            <a:pPr algn="ctr"/>
            <a:r>
              <a:rPr lang="en-US" sz="750" dirty="0">
                <a:solidFill>
                  <a:srgbClr val="FFFFFF"/>
                </a:solidFill>
                <a:latin typeface="Arial Narrow" panose="020B0606020202030204" pitchFamily="34" charset="0"/>
              </a:rPr>
              <a:t>Confidential, unpublished property of Cigna Healthcare. Do not duplicate or distribute. Use and distribution limited solely to authorized personnel. © 2024 Cigna Healthcare</a:t>
            </a:r>
          </a:p>
        </p:txBody>
      </p:sp>
      <p:sp>
        <p:nvSpPr>
          <p:cNvPr id="5" name="Dynmic Internal use only" descr="{&quot;templafy&quot;:{&quot;id&quot;:&quot;9af14bfa-aa25-484b-941d-5f5182754c12&quot;}}" hidden="1" title="Form.Cigna_Confidentiality.Cigna_healthcareConfidentiality">
            <a:extLst>
              <a:ext uri="{FF2B5EF4-FFF2-40B4-BE49-F238E27FC236}">
                <a16:creationId xmlns:a16="http://schemas.microsoft.com/office/drawing/2014/main" id="{6898D8C0-70A7-8B0E-B476-D6CFB5D968C9}"/>
              </a:ext>
            </a:extLst>
          </p:cNvPr>
          <p:cNvSpPr/>
          <p:nvPr userDrawn="1"/>
        </p:nvSpPr>
        <p:spPr>
          <a:xfrm>
            <a:off x="8144365" y="6678000"/>
            <a:ext cx="729943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 anchorCtr="0"/>
          <a:lstStyle/>
          <a:p>
            <a:pPr algn="r"/>
            <a:endParaRPr lang="en-US" sz="750" kern="1200" noProof="0" dirty="0">
              <a:solidFill>
                <a:srgbClr val="FFFFFF"/>
              </a:solidFill>
              <a:latin typeface="Arial Narrow" panose="020B0606020202030204" pitchFamily="34" charset="0"/>
              <a:ea typeface="+mn-ea"/>
              <a:cs typeface="+mn-cs"/>
            </a:endParaRPr>
          </a:p>
        </p:txBody>
      </p:sp>
      <p:pic>
        <p:nvPicPr>
          <p:cNvPr id="35" name="Logo">
            <a:extLst>
              <a:ext uri="{FF2B5EF4-FFF2-40B4-BE49-F238E27FC236}">
                <a16:creationId xmlns:a16="http://schemas.microsoft.com/office/drawing/2014/main" id="{6D84D65A-09B0-E86C-A9C7-85A161713406}"/>
              </a:ext>
            </a:extLst>
          </p:cNvPr>
          <p:cNvPicPr>
            <a:picLocks noChangeAspect="1"/>
          </p:cNvPicPr>
          <p:nvPr userDrawn="1"/>
        </p:nvPicPr>
        <p:blipFill>
          <a:blip r:embed="rId6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6"/>
              </a:ext>
            </a:extLst>
          </a:blip>
          <a:srcRect/>
          <a:stretch/>
        </p:blipFill>
        <p:spPr>
          <a:xfrm>
            <a:off x="270000" y="6067944"/>
            <a:ext cx="594000" cy="430177"/>
          </a:xfrm>
          <a:prstGeom prst="rect">
            <a:avLst/>
          </a:prstGeom>
        </p:spPr>
      </p:pic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70001" y="1548000"/>
            <a:ext cx="8604308" cy="437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</a:t>
            </a:r>
            <a:endParaRPr lang="en-US" dirty="0"/>
          </a:p>
          <a:p>
            <a:pPr lvl="1"/>
            <a:r>
              <a:rPr lang="en-US" noProof="0" dirty="0"/>
              <a:t>Level 2</a:t>
            </a:r>
            <a:endParaRPr lang="en-US" dirty="0"/>
          </a:p>
          <a:p>
            <a:pPr lvl="2"/>
            <a:r>
              <a:rPr lang="en-US" noProof="0" dirty="0"/>
              <a:t>Level 3</a:t>
            </a:r>
            <a:endParaRPr lang="en-US" dirty="0"/>
          </a:p>
          <a:p>
            <a:pPr lvl="3"/>
            <a:r>
              <a:rPr lang="en-US" noProof="0" dirty="0"/>
              <a:t>Level 4, Header</a:t>
            </a:r>
            <a:endParaRPr lang="en-US" dirty="0"/>
          </a:p>
          <a:p>
            <a:pPr lvl="4"/>
            <a:r>
              <a:rPr lang="en-US" noProof="0" dirty="0"/>
              <a:t>Level 5, Body</a:t>
            </a:r>
            <a:endParaRPr lang="en-US" dirty="0"/>
          </a:p>
          <a:p>
            <a:pPr lvl="5"/>
            <a:r>
              <a:rPr lang="en-US" noProof="0" dirty="0"/>
              <a:t>Level 6</a:t>
            </a:r>
            <a:endParaRPr lang="en-US" dirty="0"/>
          </a:p>
          <a:p>
            <a:pPr lvl="6"/>
            <a:r>
              <a:rPr lang="en-US" noProof="0" dirty="0"/>
              <a:t>Level 7, Small Header</a:t>
            </a:r>
            <a:endParaRPr lang="en-US" dirty="0"/>
          </a:p>
          <a:p>
            <a:pPr lvl="7"/>
            <a:r>
              <a:rPr lang="en-US" noProof="0" dirty="0"/>
              <a:t>Level 8, Small Body</a:t>
            </a:r>
            <a:endParaRPr lang="en-US" dirty="0"/>
          </a:p>
          <a:p>
            <a:pPr lvl="8"/>
            <a:r>
              <a:rPr lang="en-US" noProof="0" dirty="0"/>
              <a:t>Level 9, Infographic</a:t>
            </a:r>
            <a:endParaRPr lang="en-US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0000" y="360000"/>
            <a:ext cx="8604900" cy="1188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04899" y="6318000"/>
            <a:ext cx="269409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50" b="1" spc="0" baseline="0">
                <a:solidFill>
                  <a:schemeClr val="accent1"/>
                </a:solidFill>
                <a:latin typeface="Arial Narrow" panose="020B0606020202030204" pitchFamily="34" charset="0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1" name="Footer Placeholder 40">
            <a:extLst>
              <a:ext uri="{FF2B5EF4-FFF2-40B4-BE49-F238E27FC236}">
                <a16:creationId xmlns:a16="http://schemas.microsoft.com/office/drawing/2014/main" id="{D26C0B3A-4C90-B9B9-20DB-869AD857A6E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905900" y="6318000"/>
            <a:ext cx="2507924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50">
                <a:solidFill>
                  <a:schemeClr val="accent1"/>
                </a:solidFill>
                <a:latin typeface="Arial Narrow" panose="020B0606020202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07AFD59-923C-2169-5C83-6741570A268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7413823" y="6318000"/>
            <a:ext cx="119107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lang="en-US" sz="750" kern="1200" cap="none" spc="0" baseline="0" smtClean="0">
                <a:solidFill>
                  <a:schemeClr val="accent1"/>
                </a:solidFill>
                <a:latin typeface="Arial Narrow" panose="020B0606020202030204" pitchFamily="34" charset="0"/>
                <a:ea typeface="+mn-ea"/>
                <a:cs typeface="+mn-cs"/>
              </a:defRPr>
            </a:lvl1pPr>
          </a:lstStyle>
          <a:p>
            <a:fld id="{28609873-2B9C-41A1-868D-0951AEC96D54}" type="datetime4">
              <a:rPr lang="en-US" smtClean="0"/>
              <a:pPr/>
              <a:t>March 4, 202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9922040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1" r:id="rId1"/>
    <p:sldLayoutId id="2147483742" r:id="rId2"/>
    <p:sldLayoutId id="2147483743" r:id="rId3"/>
    <p:sldLayoutId id="2147483744" r:id="rId4"/>
    <p:sldLayoutId id="2147483745" r:id="rId5"/>
    <p:sldLayoutId id="2147483746" r:id="rId6"/>
    <p:sldLayoutId id="2147483747" r:id="rId7"/>
    <p:sldLayoutId id="2147483748" r:id="rId8"/>
    <p:sldLayoutId id="2147483749" r:id="rId9"/>
    <p:sldLayoutId id="2147483750" r:id="rId10"/>
    <p:sldLayoutId id="2147483751" r:id="rId11"/>
    <p:sldLayoutId id="2147483752" r:id="rId12"/>
    <p:sldLayoutId id="2147483753" r:id="rId13"/>
    <p:sldLayoutId id="2147483754" r:id="rId14"/>
    <p:sldLayoutId id="2147483755" r:id="rId15"/>
    <p:sldLayoutId id="2147483756" r:id="rId16"/>
    <p:sldLayoutId id="2147483757" r:id="rId17"/>
    <p:sldLayoutId id="2147483758" r:id="rId18"/>
    <p:sldLayoutId id="2147483759" r:id="rId19"/>
    <p:sldLayoutId id="2147483760" r:id="rId20"/>
    <p:sldLayoutId id="2147483761" r:id="rId21"/>
    <p:sldLayoutId id="2147483762" r:id="rId22"/>
    <p:sldLayoutId id="2147483763" r:id="rId23"/>
    <p:sldLayoutId id="2147483764" r:id="rId24"/>
    <p:sldLayoutId id="2147483765" r:id="rId25"/>
    <p:sldLayoutId id="2147483766" r:id="rId26"/>
    <p:sldLayoutId id="2147483767" r:id="rId27"/>
    <p:sldLayoutId id="2147483768" r:id="rId28"/>
    <p:sldLayoutId id="2147483769" r:id="rId29"/>
    <p:sldLayoutId id="2147483770" r:id="rId30"/>
    <p:sldLayoutId id="2147483771" r:id="rId31"/>
    <p:sldLayoutId id="2147483772" r:id="rId32"/>
    <p:sldLayoutId id="2147483773" r:id="rId33"/>
    <p:sldLayoutId id="2147483774" r:id="rId34"/>
    <p:sldLayoutId id="2147483775" r:id="rId35"/>
    <p:sldLayoutId id="2147483776" r:id="rId36"/>
    <p:sldLayoutId id="2147483777" r:id="rId37"/>
    <p:sldLayoutId id="2147483778" r:id="rId38"/>
    <p:sldLayoutId id="2147483779" r:id="rId39"/>
    <p:sldLayoutId id="2147483780" r:id="rId40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b="1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35000" indent="-135000" algn="l" defTabSz="685800" rtl="0" eaLnBrk="1" latinLnBrk="0" hangingPunct="1">
        <a:lnSpc>
          <a:spcPct val="100000"/>
        </a:lnSpc>
        <a:spcBef>
          <a:spcPts val="0"/>
        </a:spcBef>
        <a:spcAft>
          <a:spcPts val="450"/>
        </a:spcAft>
        <a:buFont typeface="Verdana" panose="020B0604030504040204" pitchFamily="34" charset="0"/>
        <a:buChar char="•"/>
        <a:defRPr sz="1200" kern="1200">
          <a:solidFill>
            <a:schemeClr val="tx2"/>
          </a:solidFill>
          <a:latin typeface="+mn-lt"/>
          <a:ea typeface="+mn-ea"/>
          <a:cs typeface="+mn-cs"/>
        </a:defRPr>
      </a:lvl1pPr>
      <a:lvl2pPr marL="270000" indent="-135000" algn="l" defTabSz="685800" rtl="0" eaLnBrk="1" latinLnBrk="0" hangingPunct="1">
        <a:lnSpc>
          <a:spcPct val="100000"/>
        </a:lnSpc>
        <a:spcBef>
          <a:spcPts val="0"/>
        </a:spcBef>
        <a:spcAft>
          <a:spcPts val="450"/>
        </a:spcAft>
        <a:buSzPct val="80000"/>
        <a:buFont typeface="Verdana" panose="020B0604030504040204" pitchFamily="34" charset="0"/>
        <a:buChar char="&gt;"/>
        <a:defRPr sz="1200" kern="1200">
          <a:solidFill>
            <a:schemeClr val="tx2"/>
          </a:solidFill>
          <a:latin typeface="+mn-lt"/>
          <a:ea typeface="+mn-ea"/>
          <a:cs typeface="+mn-cs"/>
        </a:defRPr>
      </a:lvl2pPr>
      <a:lvl3pPr marL="405000" indent="-135000" algn="l" defTabSz="685800" rtl="0" eaLnBrk="1" latinLnBrk="0" hangingPunct="1">
        <a:lnSpc>
          <a:spcPct val="100000"/>
        </a:lnSpc>
        <a:spcBef>
          <a:spcPts val="0"/>
        </a:spcBef>
        <a:spcAft>
          <a:spcPts val="450"/>
        </a:spcAft>
        <a:buSzPct val="80000"/>
        <a:buFont typeface="Verdana" panose="020B0604030504040204" pitchFamily="34" charset="0"/>
        <a:buChar char="-"/>
        <a:defRPr sz="1200" kern="1200">
          <a:solidFill>
            <a:schemeClr val="tx2"/>
          </a:solidFill>
          <a:latin typeface="+mn-lt"/>
          <a:ea typeface="+mn-ea"/>
          <a:cs typeface="+mn-cs"/>
        </a:defRPr>
      </a:lvl3pPr>
      <a:lvl4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Verdana" panose="020B0604030504040204" pitchFamily="34" charset="0"/>
        <a:buChar char="​"/>
        <a:defRPr sz="1200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Verdana" panose="020B0604030504040204" pitchFamily="34" charset="0"/>
        <a:buChar char="​"/>
        <a:tabLst/>
        <a:defRPr sz="1200" kern="1200">
          <a:solidFill>
            <a:schemeClr val="tx2"/>
          </a:solidFill>
          <a:latin typeface="+mn-lt"/>
          <a:ea typeface="+mn-ea"/>
          <a:cs typeface="+mn-cs"/>
        </a:defRPr>
      </a:lvl5pPr>
      <a:lvl6pPr marL="67500" indent="-67500" algn="l" defTabSz="685800" rtl="0" eaLnBrk="1" latinLnBrk="0" hangingPunct="1">
        <a:lnSpc>
          <a:spcPct val="120000"/>
        </a:lnSpc>
        <a:spcBef>
          <a:spcPts val="0"/>
        </a:spcBef>
        <a:spcAft>
          <a:spcPts val="450"/>
        </a:spcAft>
        <a:buFont typeface="Arial" panose="020B0604020202020204" pitchFamily="34" charset="0"/>
        <a:buChar char="•"/>
        <a:defRPr sz="75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685800" rtl="0" eaLnBrk="1" latinLnBrk="0" hangingPunct="1">
        <a:lnSpc>
          <a:spcPct val="120000"/>
        </a:lnSpc>
        <a:spcBef>
          <a:spcPts val="0"/>
        </a:spcBef>
        <a:spcAft>
          <a:spcPts val="450"/>
        </a:spcAft>
        <a:buFont typeface="Verdana" panose="020B0604030504040204" pitchFamily="34" charset="0"/>
        <a:buChar char="​"/>
        <a:defRPr sz="750" b="1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0" indent="0" algn="l" defTabSz="685800" rtl="0" eaLnBrk="1" latinLnBrk="0" hangingPunct="1">
        <a:lnSpc>
          <a:spcPct val="120000"/>
        </a:lnSpc>
        <a:spcBef>
          <a:spcPts val="0"/>
        </a:spcBef>
        <a:spcAft>
          <a:spcPts val="450"/>
        </a:spcAft>
        <a:buFont typeface="Verdana" panose="020B0604030504040204" pitchFamily="34" charset="0"/>
        <a:buChar char="​"/>
        <a:defRPr sz="750" kern="1200">
          <a:solidFill>
            <a:schemeClr val="tx2"/>
          </a:solidFill>
          <a:latin typeface="+mn-lt"/>
          <a:ea typeface="+mn-ea"/>
          <a:cs typeface="+mn-cs"/>
        </a:defRPr>
      </a:lvl8pPr>
      <a:lvl9pPr marL="0" indent="0" algn="l" defTabSz="685800" rtl="0" eaLnBrk="1" latinLnBrk="0" hangingPunct="1">
        <a:lnSpc>
          <a:spcPct val="90000"/>
        </a:lnSpc>
        <a:spcBef>
          <a:spcPts val="900"/>
        </a:spcBef>
        <a:spcAft>
          <a:spcPts val="0"/>
        </a:spcAft>
        <a:buFont typeface="Verdana" panose="020B0604030504040204" pitchFamily="34" charset="0"/>
        <a:buChar char="​"/>
        <a:defRPr sz="3300" b="1" kern="1200" spc="-113" baseline="0">
          <a:solidFill>
            <a:schemeClr val="accent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>
          <p15:clr>
            <a:srgbClr val="A4A3A4"/>
          </p15:clr>
        </p15:guide>
        <p15:guide id="2" pos="725">
          <p15:clr>
            <a:srgbClr val="A4A3A4"/>
          </p15:clr>
        </p15:guide>
        <p15:guide id="3" orient="horz" pos="226">
          <p15:clr>
            <a:srgbClr val="A4A3A4"/>
          </p15:clr>
        </p15:guide>
        <p15:guide id="4" orient="horz" pos="4093">
          <p15:clr>
            <a:srgbClr val="A4A3A4"/>
          </p15:clr>
        </p15:guide>
        <p15:guide id="6" pos="4394">
          <p15:clr>
            <a:srgbClr val="A4A3A4"/>
          </p15:clr>
        </p15:guide>
        <p15:guide id="7" pos="838">
          <p15:clr>
            <a:srgbClr val="A4A3A4"/>
          </p15:clr>
        </p15:guide>
        <p15:guide id="9" pos="2673">
          <p15:clr>
            <a:srgbClr val="A4A3A4"/>
          </p15:clr>
        </p15:guide>
        <p15:guide id="10" pos="3171">
          <p15:clr>
            <a:srgbClr val="A4A3A4"/>
          </p15:clr>
        </p15:guide>
        <p15:guide id="11" pos="6229">
          <p15:clr>
            <a:srgbClr val="A4A3A4"/>
          </p15:clr>
        </p15:guide>
        <p15:guide id="13" pos="6840">
          <p15:clr>
            <a:srgbClr val="A4A3A4"/>
          </p15:clr>
        </p15:guide>
        <p15:guide id="16" pos="5120">
          <p15:clr>
            <a:srgbClr val="A4A3A4"/>
          </p15:clr>
        </p15:guide>
        <p15:guide id="17" pos="3285">
          <p15:clr>
            <a:srgbClr val="A4A3A4"/>
          </p15:clr>
        </p15:guide>
        <p15:guide id="18" pos="3784">
          <p15:clr>
            <a:srgbClr val="A4A3A4"/>
          </p15:clr>
        </p15:guide>
        <p15:guide id="20" pos="1948">
          <p15:clr>
            <a:srgbClr val="A4A3A4"/>
          </p15:clr>
        </p15:guide>
        <p15:guide id="21" pos="6952">
          <p15:clr>
            <a:srgbClr val="A4A3A4"/>
          </p15:clr>
        </p15:guide>
        <p15:guide id="23" pos="2061">
          <p15:clr>
            <a:srgbClr val="A4A3A4"/>
          </p15:clr>
        </p15:guide>
        <p15:guide id="24" pos="2560">
          <p15:clr>
            <a:srgbClr val="A4A3A4"/>
          </p15:clr>
        </p15:guide>
        <p15:guide id="26" pos="6342">
          <p15:clr>
            <a:srgbClr val="A4A3A4"/>
          </p15:clr>
        </p15:guide>
        <p15:guide id="28" pos="5006">
          <p15:clr>
            <a:srgbClr val="A4A3A4"/>
          </p15:clr>
        </p15:guide>
        <p15:guide id="29" pos="4507">
          <p15:clr>
            <a:srgbClr val="A4A3A4"/>
          </p15:clr>
        </p15:guide>
        <p15:guide id="30" pos="3908">
          <p15:clr>
            <a:srgbClr val="A4A3A4"/>
          </p15:clr>
        </p15:guide>
        <p15:guide id="31" pos="5731">
          <p15:clr>
            <a:srgbClr val="A4A3A4"/>
          </p15:clr>
        </p15:guide>
        <p15:guide id="32" pos="5617">
          <p15:clr>
            <a:srgbClr val="A4A3A4"/>
          </p15:clr>
        </p15:guide>
        <p15:guide id="33" pos="1337">
          <p15:clr>
            <a:srgbClr val="A4A3A4"/>
          </p15:clr>
        </p15:guide>
        <p15:guide id="34" pos="1451">
          <p15:clr>
            <a:srgbClr val="A4A3A4"/>
          </p15:clr>
        </p15:guide>
        <p15:guide id="35" pos="7453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5" Type="http://schemas.openxmlformats.org/officeDocument/2006/relationships/image" Target="../media/image36.png"/><Relationship Id="rId4" Type="http://schemas.openxmlformats.org/officeDocument/2006/relationships/image" Target="../media/image35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3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png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30.xml"/><Relationship Id="rId4" Type="http://schemas.openxmlformats.org/officeDocument/2006/relationships/image" Target="../media/image41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0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image" Target="../media/image42.png"/><Relationship Id="rId4" Type="http://schemas.openxmlformats.org/officeDocument/2006/relationships/notesSlide" Target="../notesSlides/notesSlide3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48.jpeg"/><Relationship Id="rId3" Type="http://schemas.openxmlformats.org/officeDocument/2006/relationships/image" Target="../media/image43.png"/><Relationship Id="rId7" Type="http://schemas.openxmlformats.org/officeDocument/2006/relationships/image" Target="../media/image47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20.xml"/><Relationship Id="rId6" Type="http://schemas.openxmlformats.org/officeDocument/2006/relationships/image" Target="../media/image46.emf"/><Relationship Id="rId5" Type="http://schemas.openxmlformats.org/officeDocument/2006/relationships/image" Target="../media/image45.emf"/><Relationship Id="rId10" Type="http://schemas.openxmlformats.org/officeDocument/2006/relationships/image" Target="../media/image50.svg"/><Relationship Id="rId4" Type="http://schemas.openxmlformats.org/officeDocument/2006/relationships/image" Target="../media/image44.svg"/><Relationship Id="rId9" Type="http://schemas.openxmlformats.org/officeDocument/2006/relationships/image" Target="../media/image49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457200" y="1676400"/>
            <a:ext cx="7696200" cy="1773237"/>
          </a:xfrm>
        </p:spPr>
        <p:txBody>
          <a:bodyPr/>
          <a:lstStyle/>
          <a:p>
            <a:r>
              <a:rPr lang="en-US" dirty="0"/>
              <a:t>Drug UTILIZATION</a:t>
            </a:r>
            <a:br>
              <a:rPr lang="en-US" dirty="0"/>
            </a:br>
            <a:r>
              <a:rPr lang="en-US" dirty="0"/>
              <a:t>management</a:t>
            </a:r>
          </a:p>
        </p:txBody>
      </p:sp>
      <p:sp>
        <p:nvSpPr>
          <p:cNvPr id="8" name="Rectangle 7"/>
          <p:cNvSpPr/>
          <p:nvPr/>
        </p:nvSpPr>
        <p:spPr>
          <a:xfrm>
            <a:off x="457200" y="5818188"/>
            <a:ext cx="7543800" cy="260350"/>
          </a:xfrm>
          <a:prstGeom prst="rect">
            <a:avLst/>
          </a:prstGeom>
        </p:spPr>
        <p:txBody>
          <a:bodyPr>
            <a:spAutoFit/>
          </a:bodyPr>
          <a:lstStyle/>
          <a:p>
            <a:pPr marL="0" marR="0" lvl="0" indent="0" algn="just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altLang="en-US" sz="105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 Narrow"/>
                <a:ea typeface="+mn-ea"/>
                <a:cs typeface="Arial Narrow"/>
              </a:rPr>
              <a:t>Offered by: Cigna Health and Life Insurance Company, Connecticut General Life Insurance Company, or their affiliates. </a:t>
            </a:r>
          </a:p>
        </p:txBody>
      </p:sp>
      <p:sp>
        <p:nvSpPr>
          <p:cNvPr id="3" name="TextBox 2"/>
          <p:cNvSpPr txBox="1"/>
          <p:nvPr/>
        </p:nvSpPr>
        <p:spPr>
          <a:xfrm>
            <a:off x="87086" y="6511222"/>
            <a:ext cx="3276600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906098 04/17 </a:t>
            </a:r>
            <a:endParaRPr kumimoji="0" lang="en-US" sz="1000" b="0" i="0" u="none" strike="sng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533400" y="4800599"/>
            <a:ext cx="4459875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4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Essential Protection package</a:t>
            </a:r>
          </a:p>
        </p:txBody>
      </p:sp>
      <p:pic>
        <p:nvPicPr>
          <p:cNvPr id="4" name="Picture 2" descr="Milton CAT">
            <a:extLst>
              <a:ext uri="{FF2B5EF4-FFF2-40B4-BE49-F238E27FC236}">
                <a16:creationId xmlns:a16="http://schemas.microsoft.com/office/drawing/2014/main" id="{499A757B-8E95-417A-24DD-FB529CED168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9222" y="109568"/>
            <a:ext cx="1847850" cy="4572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44743265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Milton CAT">
            <a:extLst>
              <a:ext uri="{FF2B5EF4-FFF2-40B4-BE49-F238E27FC236}">
                <a16:creationId xmlns:a16="http://schemas.microsoft.com/office/drawing/2014/main" id="{D60741B1-AB7F-1CEC-10DC-15614DAE9D7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9222" y="109568"/>
            <a:ext cx="1847850" cy="4572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3F01F21-56BE-AAD0-8B2C-020BCB6FDFD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49222" y="973332"/>
            <a:ext cx="8000445" cy="4327874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CC47B4F8-84EB-3B82-3033-26862D8DD0CC}"/>
              </a:ext>
            </a:extLst>
          </p:cNvPr>
          <p:cNvSpPr txBox="1"/>
          <p:nvPr/>
        </p:nvSpPr>
        <p:spPr>
          <a:xfrm>
            <a:off x="449222" y="5648446"/>
            <a:ext cx="8000445" cy="5539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dirty="0"/>
              <a:t>Anyone impacted by this change will receive a letter with explaining the drugs impacted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7218039"/>
      </p:ext>
    </p:extLst>
  </p:cSld>
  <p:clrMapOvr>
    <a:masterClrMapping/>
  </p:clrMapOvr>
  <p:transition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10C5E1A-CD38-1E06-0805-6F5B601016E3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3</a:t>
            </a:fld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AC4E8AF9-4C1D-E7CA-33BF-C6F3FBF3BED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8263" y="658890"/>
            <a:ext cx="8176636" cy="554022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58EFF910-13BA-2492-EDC1-EEE43AEB278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39101" y="231868"/>
            <a:ext cx="1847248" cy="4572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6447608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3D46CDF-43AF-5560-41E8-B3B6FF3A80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4</a:t>
            </a:fld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749A361-3F4B-1748-4452-DA14234B2D7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16962" y="1748644"/>
            <a:ext cx="7110076" cy="3360711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B023DF86-F081-E7B1-6F32-0FE635AD70D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16962" y="237261"/>
            <a:ext cx="1847248" cy="45724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43B0D8EF-7F83-F5CF-0EC3-A208D9F608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16962" y="1381216"/>
            <a:ext cx="6950042" cy="3124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768499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2FEEE6-0A28-A555-0B9D-D8A99E9D69E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63465" y="1718053"/>
            <a:ext cx="7143826" cy="2664899"/>
          </a:xfrm>
        </p:spPr>
        <p:txBody>
          <a:bodyPr/>
          <a:lstStyle/>
          <a:p>
            <a:r>
              <a:rPr lang="en-US" dirty="0"/>
              <a:t>EncircleRx </a:t>
            </a:r>
            <a:br>
              <a:rPr lang="en-US" dirty="0"/>
            </a:br>
            <a:r>
              <a:rPr lang="en-US" dirty="0"/>
              <a:t>for Cigna Healthcare</a:t>
            </a:r>
            <a:br>
              <a:rPr lang="en-US" dirty="0"/>
            </a:br>
            <a:br>
              <a:rPr lang="en-US" dirty="0"/>
            </a:br>
            <a:r>
              <a:rPr lang="en-US" sz="3000" dirty="0"/>
              <a:t>Weight Management</a:t>
            </a:r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0AB4AD8-CA10-BA78-8B5E-7FF9B9921775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 defTabSz="685800"/>
            <a:fld id="{23AA811B-2EBD-4900-905E-5BE206449611}" type="slidenum">
              <a:rPr lang="en-US">
                <a:solidFill>
                  <a:srgbClr val="FFFFFF"/>
                </a:solidFill>
              </a:rPr>
              <a:pPr defTabSz="685800"/>
              <a:t>5</a:t>
            </a:fld>
            <a:endParaRPr lang="en-US" dirty="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2414110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5" name="Picture 24" descr="A person with curly hair and a blue shirt&#10;&#10;Description automatically generated">
            <a:extLst>
              <a:ext uri="{FF2B5EF4-FFF2-40B4-BE49-F238E27FC236}">
                <a16:creationId xmlns:a16="http://schemas.microsoft.com/office/drawing/2014/main" id="{1FC6920E-3A44-42E3-EEE8-540D118AF839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flipH="1">
            <a:off x="0" y="857250"/>
            <a:ext cx="9144000" cy="5143500"/>
          </a:xfrm>
          <a:prstGeom prst="rect">
            <a:avLst/>
          </a:prstGeom>
        </p:spPr>
      </p:pic>
      <p:sp>
        <p:nvSpPr>
          <p:cNvPr id="10" name="Title 9">
            <a:extLst>
              <a:ext uri="{FF2B5EF4-FFF2-40B4-BE49-F238E27FC236}">
                <a16:creationId xmlns:a16="http://schemas.microsoft.com/office/drawing/2014/main" id="{5DC662C1-AADD-DBFB-051F-E031CCF2BEE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0000" y="1127250"/>
            <a:ext cx="8604900" cy="891000"/>
          </a:xfrm>
        </p:spPr>
        <p:txBody>
          <a:bodyPr/>
          <a:lstStyle/>
          <a:p>
            <a:r>
              <a:rPr lang="en-US" sz="2100" dirty="0" err="1"/>
              <a:t>EncircleRx</a:t>
            </a:r>
            <a:r>
              <a:rPr lang="en-US" sz="2100" dirty="0"/>
              <a:t> for Cigna Healthcare + Omada</a:t>
            </a:r>
          </a:p>
        </p:txBody>
      </p:sp>
      <p:sp>
        <p:nvSpPr>
          <p:cNvPr id="5" name="Slide Number Placeholder 3">
            <a:extLst>
              <a:ext uri="{FF2B5EF4-FFF2-40B4-BE49-F238E27FC236}">
                <a16:creationId xmlns:a16="http://schemas.microsoft.com/office/drawing/2014/main" id="{BC4807A5-1678-0849-3D22-FBCC144A6B6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73199" y="6397512"/>
            <a:ext cx="359212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b="1" kern="1200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 defTabSz="685800">
              <a:defRPr/>
            </a:pPr>
            <a:fld id="{23AA811B-2EBD-4900-905E-5BE206449611}" type="slidenum">
              <a:rPr lang="en-US" smtClean="0"/>
              <a:pPr algn="r" defTabSz="685800">
                <a:defRPr/>
              </a:pPr>
              <a:t>6</a:t>
            </a:fld>
            <a:endParaRPr lang="en-US" sz="600" b="1" dirty="0">
              <a:solidFill>
                <a:srgbClr val="FFFFFF"/>
              </a:solidFill>
              <a:latin typeface="Verdana"/>
            </a:endParaRPr>
          </a:p>
        </p:txBody>
      </p:sp>
      <p:sp>
        <p:nvSpPr>
          <p:cNvPr id="2" name="Subtitle 1">
            <a:extLst>
              <a:ext uri="{FF2B5EF4-FFF2-40B4-BE49-F238E27FC236}">
                <a16:creationId xmlns:a16="http://schemas.microsoft.com/office/drawing/2014/main" id="{C30CD596-5B40-CCA9-D1C0-4D8CF2717AEE}"/>
              </a:ext>
            </a:extLst>
          </p:cNvPr>
          <p:cNvSpPr>
            <a:spLocks noGrp="1"/>
          </p:cNvSpPr>
          <p:nvPr>
            <p:ph type="subTitle" idx="4294967295"/>
          </p:nvPr>
        </p:nvSpPr>
        <p:spPr>
          <a:xfrm>
            <a:off x="270000" y="1404600"/>
            <a:ext cx="6397107" cy="389213"/>
          </a:xfrm>
        </p:spPr>
        <p:txBody>
          <a:bodyPr vert="horz" lIns="0" tIns="137160" rIns="0" bIns="0" rtlCol="0">
            <a:noAutofit/>
          </a:bodyPr>
          <a:lstStyle/>
          <a:p>
            <a:pPr marL="0" indent="0">
              <a:buNone/>
            </a:pPr>
            <a:r>
              <a:rPr lang="en-US" dirty="0">
                <a:solidFill>
                  <a:schemeClr val="accent4"/>
                </a:solidFill>
              </a:rPr>
              <a:t>Omada</a:t>
            </a:r>
            <a:r>
              <a:rPr lang="en-US" baseline="30000" dirty="0">
                <a:solidFill>
                  <a:schemeClr val="accent4"/>
                </a:solidFill>
              </a:rPr>
              <a:t>®</a:t>
            </a:r>
            <a:r>
              <a:rPr lang="en-US" dirty="0">
                <a:solidFill>
                  <a:schemeClr val="accent4"/>
                </a:solidFill>
              </a:rPr>
              <a:t> is included with </a:t>
            </a:r>
            <a:r>
              <a:rPr lang="en-US" dirty="0" err="1">
                <a:solidFill>
                  <a:schemeClr val="accent4"/>
                </a:solidFill>
              </a:rPr>
              <a:t>EncircleRx</a:t>
            </a:r>
            <a:r>
              <a:rPr lang="en-US" dirty="0">
                <a:solidFill>
                  <a:schemeClr val="accent4"/>
                </a:solidFill>
              </a:rPr>
              <a:t> as the lifestyle modification program partner to support customers taking GLP-1 medications for weight loss*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44A63C20-3366-491E-57B6-8B128CEDA535}"/>
              </a:ext>
            </a:extLst>
          </p:cNvPr>
          <p:cNvSpPr>
            <a:spLocks noGrp="1"/>
          </p:cNvSpPr>
          <p:nvPr>
            <p:ph sz="quarter" idx="4294967295"/>
          </p:nvPr>
        </p:nvSpPr>
        <p:spPr>
          <a:xfrm>
            <a:off x="269691" y="2117677"/>
            <a:ext cx="5075307" cy="891000"/>
          </a:xfrm>
        </p:spPr>
        <p:txBody>
          <a:bodyPr>
            <a:normAutofit/>
          </a:bodyPr>
          <a:lstStyle/>
          <a:p>
            <a:pPr marL="0" indent="0">
              <a:spcAft>
                <a:spcPts val="375"/>
              </a:spcAft>
              <a:buNone/>
              <a:defRPr/>
            </a:pPr>
            <a:r>
              <a:rPr lang="en-US" b="1" dirty="0">
                <a:solidFill>
                  <a:schemeClr val="accent1"/>
                </a:solidFill>
                <a:latin typeface="Verdana"/>
                <a:cs typeface="Arial" panose="020B0604020202020204" pitchFamily="34" charset="0"/>
              </a:rPr>
              <a:t>Onboarding before starting medication after prior authorization is approved</a:t>
            </a:r>
          </a:p>
          <a:p>
            <a:pPr marL="89137" indent="-89137">
              <a:spcAft>
                <a:spcPts val="375"/>
              </a:spcAft>
              <a:buFont typeface="Arial" charset="0"/>
              <a:buChar char="•"/>
              <a:defRPr/>
            </a:pPr>
            <a:r>
              <a:rPr lang="en-US" sz="1050" b="1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Enrollment requirement</a:t>
            </a:r>
            <a:r>
              <a:rPr lang="en-US" sz="1050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 for GLP-1 coverage</a:t>
            </a:r>
          </a:p>
          <a:p>
            <a:pPr marL="89137" indent="-89137">
              <a:spcAft>
                <a:spcPts val="375"/>
              </a:spcAft>
              <a:buFont typeface="Arial" charset="0"/>
              <a:buChar char="•"/>
              <a:defRPr/>
            </a:pPr>
            <a:r>
              <a:rPr lang="en-US" sz="1050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Educational </a:t>
            </a:r>
            <a:r>
              <a:rPr lang="en-US" sz="1050" b="1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customer outreach</a:t>
            </a:r>
          </a:p>
          <a:p>
            <a:pPr marL="89137" indent="-89137">
              <a:spcAft>
                <a:spcPts val="375"/>
              </a:spcAft>
              <a:buFont typeface="Arial" charset="0"/>
              <a:buChar char="•"/>
              <a:defRPr/>
            </a:pPr>
            <a:endParaRPr lang="en-US" sz="900" b="1" dirty="0">
              <a:solidFill>
                <a:schemeClr val="accent4"/>
              </a:solidFill>
              <a:latin typeface="Verdana"/>
            </a:endParaRPr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A1B42620-CEA9-69E1-51AB-689367EA4CCF}"/>
              </a:ext>
            </a:extLst>
          </p:cNvPr>
          <p:cNvSpPr txBox="1">
            <a:spLocks/>
          </p:cNvSpPr>
          <p:nvPr/>
        </p:nvSpPr>
        <p:spPr>
          <a:xfrm>
            <a:off x="1502596" y="5603446"/>
            <a:ext cx="7085210" cy="186938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>
                    <a:lumMod val="6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685800">
              <a:defRPr/>
            </a:pPr>
            <a:r>
              <a:rPr lang="en-US" sz="750" dirty="0">
                <a:solidFill>
                  <a:srgbClr val="FFFFFF"/>
                </a:solidFill>
                <a:latin typeface="Arial Narrow" panose="020B0604020202020204" pitchFamily="34" charset="0"/>
                <a:cs typeface="Arial Narrow" panose="020B0604020202020204" pitchFamily="34" charset="0"/>
              </a:rPr>
              <a:t>© 2024 Cigna Healthcare.</a:t>
            </a:r>
          </a:p>
        </p:txBody>
      </p:sp>
      <p:sp>
        <p:nvSpPr>
          <p:cNvPr id="3" name="Content Placeholder 10">
            <a:extLst>
              <a:ext uri="{FF2B5EF4-FFF2-40B4-BE49-F238E27FC236}">
                <a16:creationId xmlns:a16="http://schemas.microsoft.com/office/drawing/2014/main" id="{964E65D0-389B-0058-E8AE-DD2F15862907}"/>
              </a:ext>
            </a:extLst>
          </p:cNvPr>
          <p:cNvSpPr txBox="1">
            <a:spLocks/>
          </p:cNvSpPr>
          <p:nvPr/>
        </p:nvSpPr>
        <p:spPr>
          <a:xfrm>
            <a:off x="269692" y="3104339"/>
            <a:ext cx="5720861" cy="891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•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80000"/>
              <a:buFont typeface="Verdana" panose="020B0604030504040204" pitchFamily="34" charset="0"/>
              <a:buChar char="&gt;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80000"/>
              <a:buFont typeface="Verdana" panose="020B0604030504040204" pitchFamily="34" charset="0"/>
              <a:buChar char="-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Verdana" panose="020B0604030504040204" pitchFamily="34" charset="0"/>
              <a:buChar char="​"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Verdana" panose="020B0604030504040204" pitchFamily="34" charset="0"/>
              <a:buChar char="​"/>
              <a:tabLst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000" b="1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Verdana" panose="020B0604030504040204" pitchFamily="34" charset="0"/>
              <a:buChar char="​"/>
              <a:defRPr sz="4400" b="1" kern="1200" spc="-150" baseline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Aft>
                <a:spcPts val="375"/>
              </a:spcAft>
              <a:buNone/>
              <a:defRPr/>
            </a:pPr>
            <a:r>
              <a:rPr lang="en-US" sz="1200" b="1" dirty="0">
                <a:solidFill>
                  <a:schemeClr val="accent1"/>
                </a:solidFill>
                <a:latin typeface="Verdana"/>
                <a:cs typeface="Arial" panose="020B0604020202020204" pitchFamily="34" charset="0"/>
              </a:rPr>
              <a:t>Supporting weight loss while taking medication </a:t>
            </a:r>
          </a:p>
          <a:p>
            <a:pPr marL="89137" indent="-89137">
              <a:spcAft>
                <a:spcPts val="375"/>
              </a:spcAft>
              <a:buFont typeface="Arial" charset="0"/>
              <a:buChar char="•"/>
              <a:defRPr/>
            </a:pPr>
            <a:r>
              <a:rPr lang="en-US" sz="1050" b="1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Engagement requirement </a:t>
            </a:r>
            <a:r>
              <a:rPr lang="en-US" sz="1050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for GLP-1 refill coverage</a:t>
            </a:r>
          </a:p>
          <a:p>
            <a:pPr marL="89137" indent="-89137">
              <a:spcAft>
                <a:spcPts val="375"/>
              </a:spcAft>
              <a:buFont typeface="Arial" charset="0"/>
              <a:buChar char="•"/>
              <a:defRPr/>
            </a:pPr>
            <a:r>
              <a:rPr lang="en-US" sz="1050" b="1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Lifestyle education related to </a:t>
            </a:r>
            <a:r>
              <a:rPr lang="en-US" sz="1050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nutrition and behavioral health</a:t>
            </a:r>
          </a:p>
          <a:p>
            <a:pPr marL="89137" indent="-89137">
              <a:spcAft>
                <a:spcPts val="375"/>
              </a:spcAft>
              <a:buFont typeface="Arial" charset="0"/>
              <a:buChar char="•"/>
              <a:defRPr/>
            </a:pPr>
            <a:r>
              <a:rPr lang="en-US" sz="1050" b="1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Care team and community support</a:t>
            </a:r>
            <a:endParaRPr lang="en-US" sz="1050" dirty="0">
              <a:solidFill>
                <a:schemeClr val="accent4"/>
              </a:solidFill>
              <a:latin typeface="Verdana"/>
              <a:cs typeface="Arial" panose="020B0604020202020204" pitchFamily="34" charset="0"/>
            </a:endParaRPr>
          </a:p>
        </p:txBody>
      </p:sp>
      <p:sp>
        <p:nvSpPr>
          <p:cNvPr id="8" name="Content Placeholder 10">
            <a:extLst>
              <a:ext uri="{FF2B5EF4-FFF2-40B4-BE49-F238E27FC236}">
                <a16:creationId xmlns:a16="http://schemas.microsoft.com/office/drawing/2014/main" id="{BF17211E-D7EA-AC32-3E31-FE7FF1A3182E}"/>
              </a:ext>
            </a:extLst>
          </p:cNvPr>
          <p:cNvSpPr txBox="1">
            <a:spLocks/>
          </p:cNvSpPr>
          <p:nvPr/>
        </p:nvSpPr>
        <p:spPr>
          <a:xfrm>
            <a:off x="269691" y="4115975"/>
            <a:ext cx="5720861" cy="891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18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•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1pPr>
            <a:lvl2pPr marL="36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80000"/>
              <a:buFont typeface="Verdana" panose="020B0604030504040204" pitchFamily="34" charset="0"/>
              <a:buChar char="&gt;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SzPct val="80000"/>
              <a:buFont typeface="Verdana" panose="020B0604030504040204" pitchFamily="34" charset="0"/>
              <a:buChar char="-"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Verdana" panose="020B0604030504040204" pitchFamily="34" charset="0"/>
              <a:buChar char="​"/>
              <a:defRPr sz="1600" b="1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Verdana" panose="020B0604030504040204" pitchFamily="34" charset="0"/>
              <a:buChar char="​"/>
              <a:tabLst/>
              <a:defRPr sz="16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90000" indent="-9000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000" b="1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spcAft>
                <a:spcPts val="600"/>
              </a:spcAft>
              <a:buFont typeface="Verdana" panose="020B0604030504040204" pitchFamily="34" charset="0"/>
              <a:buChar char="​"/>
              <a:defRPr sz="1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Verdana" panose="020B0604030504040204" pitchFamily="34" charset="0"/>
              <a:buChar char="​"/>
              <a:defRPr sz="4400" b="1" kern="1200" spc="-150" baseline="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9pPr>
          </a:lstStyle>
          <a:p>
            <a:pPr marL="0" indent="0">
              <a:spcAft>
                <a:spcPts val="375"/>
              </a:spcAft>
              <a:buNone/>
              <a:defRPr/>
            </a:pPr>
            <a:r>
              <a:rPr lang="en-US" sz="1200" b="1" dirty="0">
                <a:solidFill>
                  <a:schemeClr val="accent1"/>
                </a:solidFill>
                <a:latin typeface="Verdana"/>
                <a:cs typeface="Arial" panose="020B0604020202020204" pitchFamily="34" charset="0"/>
              </a:rPr>
              <a:t>Maintaining healthy weight long-term</a:t>
            </a:r>
          </a:p>
          <a:p>
            <a:pPr marL="89137" indent="-89137">
              <a:spcAft>
                <a:spcPts val="375"/>
              </a:spcAft>
              <a:buFont typeface="Arial" charset="0"/>
              <a:buChar char="•"/>
              <a:defRPr/>
            </a:pPr>
            <a:r>
              <a:rPr lang="en-US" sz="1050" b="1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Maintenance-focused</a:t>
            </a:r>
            <a:r>
              <a:rPr lang="en-US" sz="1050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 lifestyle education</a:t>
            </a:r>
          </a:p>
          <a:p>
            <a:pPr marL="89137" indent="-89137">
              <a:spcAft>
                <a:spcPts val="375"/>
              </a:spcAft>
              <a:buFont typeface="Arial" charset="0"/>
              <a:buChar char="•"/>
              <a:defRPr/>
            </a:pPr>
            <a:r>
              <a:rPr lang="en-US" sz="1050" b="1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Continued engagement </a:t>
            </a:r>
            <a:r>
              <a:rPr lang="en-US" sz="1050" dirty="0">
                <a:solidFill>
                  <a:schemeClr val="accent4"/>
                </a:solidFill>
                <a:latin typeface="Verdana"/>
                <a:cs typeface="Arial" panose="020B0604020202020204" pitchFamily="34" charset="0"/>
              </a:rPr>
              <a:t>with care team and support community</a:t>
            </a:r>
            <a:endParaRPr lang="en-US" sz="900" dirty="0">
              <a:solidFill>
                <a:schemeClr val="accent4"/>
              </a:solidFill>
              <a:latin typeface="Verdana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875176F7-7116-49DA-0D76-BF08ABDA60C3}"/>
              </a:ext>
            </a:extLst>
          </p:cNvPr>
          <p:cNvSpPr txBox="1"/>
          <p:nvPr/>
        </p:nvSpPr>
        <p:spPr>
          <a:xfrm>
            <a:off x="6138710" y="5466866"/>
            <a:ext cx="3643886" cy="20774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750" dirty="0">
                <a:solidFill>
                  <a:srgbClr val="FFFFFF"/>
                </a:solidFill>
                <a:latin typeface="Arial Narrow" panose="020B0604020202020204" pitchFamily="34" charset="0"/>
              </a:rPr>
              <a:t>*Omada will also be available for those not using GLP-1 medications</a:t>
            </a:r>
          </a:p>
        </p:txBody>
      </p:sp>
      <p:sp>
        <p:nvSpPr>
          <p:cNvPr id="9" name="Slide Number Placeholder 2">
            <a:extLst>
              <a:ext uri="{FF2B5EF4-FFF2-40B4-BE49-F238E27FC236}">
                <a16:creationId xmlns:a16="http://schemas.microsoft.com/office/drawing/2014/main" id="{B38C4B61-C555-806A-54D0-9EE957BDF7DF}"/>
              </a:ext>
            </a:extLst>
          </p:cNvPr>
          <p:cNvSpPr txBox="1">
            <a:spLocks/>
          </p:cNvSpPr>
          <p:nvPr/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en-US" sz="1000" smtClean="0"/>
              <a:pPr/>
              <a:t>6</a:t>
            </a:fld>
            <a:endParaRPr lang="en-US" sz="10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938809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: Rounded Corners 28">
            <a:extLst>
              <a:ext uri="{FF2B5EF4-FFF2-40B4-BE49-F238E27FC236}">
                <a16:creationId xmlns:a16="http://schemas.microsoft.com/office/drawing/2014/main" id="{7C70168D-8C56-C2BA-EF78-9A6ED47795FE}"/>
              </a:ext>
            </a:extLst>
          </p:cNvPr>
          <p:cNvSpPr/>
          <p:nvPr/>
        </p:nvSpPr>
        <p:spPr>
          <a:xfrm>
            <a:off x="1595876" y="1776471"/>
            <a:ext cx="7359440" cy="1535810"/>
          </a:xfrm>
          <a:custGeom>
            <a:avLst/>
            <a:gdLst>
              <a:gd name="connsiteX0" fmla="*/ 0 w 11962435"/>
              <a:gd name="connsiteY0" fmla="*/ 1036435 h 2072869"/>
              <a:gd name="connsiteX1" fmla="*/ 1036435 w 11962435"/>
              <a:gd name="connsiteY1" fmla="*/ 0 h 2072869"/>
              <a:gd name="connsiteX2" fmla="*/ 10926001 w 11962435"/>
              <a:gd name="connsiteY2" fmla="*/ 0 h 2072869"/>
              <a:gd name="connsiteX3" fmla="*/ 11962436 w 11962435"/>
              <a:gd name="connsiteY3" fmla="*/ 1036435 h 2072869"/>
              <a:gd name="connsiteX4" fmla="*/ 11962435 w 11962435"/>
              <a:gd name="connsiteY4" fmla="*/ 1036435 h 2072869"/>
              <a:gd name="connsiteX5" fmla="*/ 10926000 w 11962435"/>
              <a:gd name="connsiteY5" fmla="*/ 2072870 h 2072869"/>
              <a:gd name="connsiteX6" fmla="*/ 1036435 w 11962435"/>
              <a:gd name="connsiteY6" fmla="*/ 2072869 h 2072869"/>
              <a:gd name="connsiteX7" fmla="*/ 0 w 11962435"/>
              <a:gd name="connsiteY7" fmla="*/ 1036434 h 2072869"/>
              <a:gd name="connsiteX8" fmla="*/ 0 w 11962435"/>
              <a:gd name="connsiteY8" fmla="*/ 1036435 h 2072869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7" fmla="*/ 0 w 11962436"/>
              <a:gd name="connsiteY7" fmla="*/ 1036434 h 2072870"/>
              <a:gd name="connsiteX8" fmla="*/ 0 w 11962436"/>
              <a:gd name="connsiteY8" fmla="*/ 1036435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7" fmla="*/ 0 w 11962436"/>
              <a:gd name="connsiteY7" fmla="*/ 1036434 h 2072870"/>
              <a:gd name="connsiteX8" fmla="*/ 91440 w 11962436"/>
              <a:gd name="connsiteY8" fmla="*/ 1127875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7" fmla="*/ 0 w 11962436"/>
              <a:gd name="connsiteY7" fmla="*/ 1036434 h 2072870"/>
              <a:gd name="connsiteX8" fmla="*/ 91440 w 11962436"/>
              <a:gd name="connsiteY8" fmla="*/ 1127875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7" fmla="*/ 0 w 11962436"/>
              <a:gd name="connsiteY7" fmla="*/ 1036434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0" fmla="*/ 0 w 10926001"/>
              <a:gd name="connsiteY0" fmla="*/ 0 h 2072870"/>
              <a:gd name="connsiteX1" fmla="*/ 9889566 w 10926001"/>
              <a:gd name="connsiteY1" fmla="*/ 0 h 2072870"/>
              <a:gd name="connsiteX2" fmla="*/ 10926001 w 10926001"/>
              <a:gd name="connsiteY2" fmla="*/ 1036435 h 2072870"/>
              <a:gd name="connsiteX3" fmla="*/ 10926000 w 10926001"/>
              <a:gd name="connsiteY3" fmla="*/ 1036435 h 2072870"/>
              <a:gd name="connsiteX4" fmla="*/ 9889565 w 10926001"/>
              <a:gd name="connsiteY4" fmla="*/ 2072870 h 2072870"/>
              <a:gd name="connsiteX5" fmla="*/ 0 w 10926001"/>
              <a:gd name="connsiteY5" fmla="*/ 2072869 h 2072870"/>
              <a:gd name="connsiteX0" fmla="*/ 248856 w 10926001"/>
              <a:gd name="connsiteY0" fmla="*/ 0 h 2072870"/>
              <a:gd name="connsiteX1" fmla="*/ 9889566 w 10926001"/>
              <a:gd name="connsiteY1" fmla="*/ 0 h 2072870"/>
              <a:gd name="connsiteX2" fmla="*/ 10926001 w 10926001"/>
              <a:gd name="connsiteY2" fmla="*/ 1036435 h 2072870"/>
              <a:gd name="connsiteX3" fmla="*/ 10926000 w 10926001"/>
              <a:gd name="connsiteY3" fmla="*/ 1036435 h 2072870"/>
              <a:gd name="connsiteX4" fmla="*/ 9889565 w 10926001"/>
              <a:gd name="connsiteY4" fmla="*/ 2072870 h 2072870"/>
              <a:gd name="connsiteX5" fmla="*/ 0 w 10926001"/>
              <a:gd name="connsiteY5" fmla="*/ 2072869 h 2072870"/>
              <a:gd name="connsiteX0" fmla="*/ 0 w 10677145"/>
              <a:gd name="connsiteY0" fmla="*/ 0 h 2072870"/>
              <a:gd name="connsiteX1" fmla="*/ 9640710 w 10677145"/>
              <a:gd name="connsiteY1" fmla="*/ 0 h 2072870"/>
              <a:gd name="connsiteX2" fmla="*/ 10677145 w 10677145"/>
              <a:gd name="connsiteY2" fmla="*/ 1036435 h 2072870"/>
              <a:gd name="connsiteX3" fmla="*/ 10677144 w 10677145"/>
              <a:gd name="connsiteY3" fmla="*/ 1036435 h 2072870"/>
              <a:gd name="connsiteX4" fmla="*/ 9640709 w 10677145"/>
              <a:gd name="connsiteY4" fmla="*/ 2072870 h 2072870"/>
              <a:gd name="connsiteX5" fmla="*/ 2174304 w 10677145"/>
              <a:gd name="connsiteY5" fmla="*/ 2072869 h 2072870"/>
              <a:gd name="connsiteX0" fmla="*/ 0 w 9457969"/>
              <a:gd name="connsiteY0" fmla="*/ 0 h 2072870"/>
              <a:gd name="connsiteX1" fmla="*/ 8421534 w 9457969"/>
              <a:gd name="connsiteY1" fmla="*/ 0 h 2072870"/>
              <a:gd name="connsiteX2" fmla="*/ 9457969 w 9457969"/>
              <a:gd name="connsiteY2" fmla="*/ 1036435 h 2072870"/>
              <a:gd name="connsiteX3" fmla="*/ 9457968 w 9457969"/>
              <a:gd name="connsiteY3" fmla="*/ 1036435 h 2072870"/>
              <a:gd name="connsiteX4" fmla="*/ 8421533 w 9457969"/>
              <a:gd name="connsiteY4" fmla="*/ 2072870 h 2072870"/>
              <a:gd name="connsiteX5" fmla="*/ 955128 w 9457969"/>
              <a:gd name="connsiteY5" fmla="*/ 2072869 h 2072870"/>
              <a:gd name="connsiteX0" fmla="*/ 0 w 9457969"/>
              <a:gd name="connsiteY0" fmla="*/ 0 h 2078057"/>
              <a:gd name="connsiteX1" fmla="*/ 8421534 w 9457969"/>
              <a:gd name="connsiteY1" fmla="*/ 0 h 2078057"/>
              <a:gd name="connsiteX2" fmla="*/ 9457969 w 9457969"/>
              <a:gd name="connsiteY2" fmla="*/ 1036435 h 2078057"/>
              <a:gd name="connsiteX3" fmla="*/ 9457968 w 9457969"/>
              <a:gd name="connsiteY3" fmla="*/ 1036435 h 2078057"/>
              <a:gd name="connsiteX4" fmla="*/ 8421533 w 9457969"/>
              <a:gd name="connsiteY4" fmla="*/ 2072870 h 2078057"/>
              <a:gd name="connsiteX5" fmla="*/ 3082200 w 9457969"/>
              <a:gd name="connsiteY5" fmla="*/ 2078057 h 2078057"/>
              <a:gd name="connsiteX0" fmla="*/ 0 w 8967225"/>
              <a:gd name="connsiteY0" fmla="*/ 0 h 2078057"/>
              <a:gd name="connsiteX1" fmla="*/ 7930790 w 8967225"/>
              <a:gd name="connsiteY1" fmla="*/ 0 h 2078057"/>
              <a:gd name="connsiteX2" fmla="*/ 8967225 w 8967225"/>
              <a:gd name="connsiteY2" fmla="*/ 1036435 h 2078057"/>
              <a:gd name="connsiteX3" fmla="*/ 8967224 w 8967225"/>
              <a:gd name="connsiteY3" fmla="*/ 1036435 h 2078057"/>
              <a:gd name="connsiteX4" fmla="*/ 7930789 w 8967225"/>
              <a:gd name="connsiteY4" fmla="*/ 2072870 h 2078057"/>
              <a:gd name="connsiteX5" fmla="*/ 2591456 w 8967225"/>
              <a:gd name="connsiteY5" fmla="*/ 2078057 h 2078057"/>
              <a:gd name="connsiteX0" fmla="*/ 0 w 8967225"/>
              <a:gd name="connsiteY0" fmla="*/ 0 h 2074563"/>
              <a:gd name="connsiteX1" fmla="*/ 7930790 w 8967225"/>
              <a:gd name="connsiteY1" fmla="*/ 0 h 2074563"/>
              <a:gd name="connsiteX2" fmla="*/ 8967225 w 8967225"/>
              <a:gd name="connsiteY2" fmla="*/ 1036435 h 2074563"/>
              <a:gd name="connsiteX3" fmla="*/ 8967224 w 8967225"/>
              <a:gd name="connsiteY3" fmla="*/ 1036435 h 2074563"/>
              <a:gd name="connsiteX4" fmla="*/ 7930789 w 8967225"/>
              <a:gd name="connsiteY4" fmla="*/ 2072870 h 2074563"/>
              <a:gd name="connsiteX5" fmla="*/ 3400375 w 8967225"/>
              <a:gd name="connsiteY5" fmla="*/ 2074563 h 2074563"/>
              <a:gd name="connsiteX0" fmla="*/ 0 w 7411372"/>
              <a:gd name="connsiteY0" fmla="*/ 2926 h 2074563"/>
              <a:gd name="connsiteX1" fmla="*/ 6374937 w 7411372"/>
              <a:gd name="connsiteY1" fmla="*/ 0 h 2074563"/>
              <a:gd name="connsiteX2" fmla="*/ 7411372 w 7411372"/>
              <a:gd name="connsiteY2" fmla="*/ 1036435 h 2074563"/>
              <a:gd name="connsiteX3" fmla="*/ 7411371 w 7411372"/>
              <a:gd name="connsiteY3" fmla="*/ 1036435 h 2074563"/>
              <a:gd name="connsiteX4" fmla="*/ 6374936 w 7411372"/>
              <a:gd name="connsiteY4" fmla="*/ 2072870 h 2074563"/>
              <a:gd name="connsiteX5" fmla="*/ 1844522 w 7411372"/>
              <a:gd name="connsiteY5" fmla="*/ 2074563 h 2074563"/>
              <a:gd name="connsiteX0" fmla="*/ 0 w 7411372"/>
              <a:gd name="connsiteY0" fmla="*/ 2926 h 2083341"/>
              <a:gd name="connsiteX1" fmla="*/ 6374937 w 7411372"/>
              <a:gd name="connsiteY1" fmla="*/ 0 h 2083341"/>
              <a:gd name="connsiteX2" fmla="*/ 7411372 w 7411372"/>
              <a:gd name="connsiteY2" fmla="*/ 1036435 h 2083341"/>
              <a:gd name="connsiteX3" fmla="*/ 7411371 w 7411372"/>
              <a:gd name="connsiteY3" fmla="*/ 1036435 h 2083341"/>
              <a:gd name="connsiteX4" fmla="*/ 6374936 w 7411372"/>
              <a:gd name="connsiteY4" fmla="*/ 2072870 h 2083341"/>
              <a:gd name="connsiteX5" fmla="*/ 2560333 w 7411372"/>
              <a:gd name="connsiteY5" fmla="*/ 2083341 h 2083341"/>
              <a:gd name="connsiteX0" fmla="*/ 0 w 7411372"/>
              <a:gd name="connsiteY0" fmla="*/ 2926 h 2083341"/>
              <a:gd name="connsiteX1" fmla="*/ 6374937 w 7411372"/>
              <a:gd name="connsiteY1" fmla="*/ 0 h 2083341"/>
              <a:gd name="connsiteX2" fmla="*/ 7411372 w 7411372"/>
              <a:gd name="connsiteY2" fmla="*/ 1036435 h 2083341"/>
              <a:gd name="connsiteX3" fmla="*/ 7411371 w 7411372"/>
              <a:gd name="connsiteY3" fmla="*/ 1036435 h 2083341"/>
              <a:gd name="connsiteX4" fmla="*/ 6374936 w 7411372"/>
              <a:gd name="connsiteY4" fmla="*/ 2072870 h 2083341"/>
              <a:gd name="connsiteX5" fmla="*/ 2560333 w 7411372"/>
              <a:gd name="connsiteY5" fmla="*/ 2083341 h 2083341"/>
              <a:gd name="connsiteX0" fmla="*/ 0 w 7411372"/>
              <a:gd name="connsiteY0" fmla="*/ 2926 h 2090619"/>
              <a:gd name="connsiteX1" fmla="*/ 6374937 w 7411372"/>
              <a:gd name="connsiteY1" fmla="*/ 0 h 2090619"/>
              <a:gd name="connsiteX2" fmla="*/ 7411372 w 7411372"/>
              <a:gd name="connsiteY2" fmla="*/ 1036435 h 2090619"/>
              <a:gd name="connsiteX3" fmla="*/ 7411371 w 7411372"/>
              <a:gd name="connsiteY3" fmla="*/ 1036435 h 2090619"/>
              <a:gd name="connsiteX4" fmla="*/ 6374936 w 7411372"/>
              <a:gd name="connsiteY4" fmla="*/ 2072870 h 2090619"/>
              <a:gd name="connsiteX5" fmla="*/ 2560333 w 7411372"/>
              <a:gd name="connsiteY5" fmla="*/ 2083341 h 2090619"/>
              <a:gd name="connsiteX0" fmla="*/ 0 w 7411372"/>
              <a:gd name="connsiteY0" fmla="*/ 2926 h 2098989"/>
              <a:gd name="connsiteX1" fmla="*/ 6374937 w 7411372"/>
              <a:gd name="connsiteY1" fmla="*/ 0 h 2098989"/>
              <a:gd name="connsiteX2" fmla="*/ 7411372 w 7411372"/>
              <a:gd name="connsiteY2" fmla="*/ 1036435 h 2098989"/>
              <a:gd name="connsiteX3" fmla="*/ 7411371 w 7411372"/>
              <a:gd name="connsiteY3" fmla="*/ 1036435 h 2098989"/>
              <a:gd name="connsiteX4" fmla="*/ 6374936 w 7411372"/>
              <a:gd name="connsiteY4" fmla="*/ 2072870 h 2098989"/>
              <a:gd name="connsiteX5" fmla="*/ 2681114 w 7411372"/>
              <a:gd name="connsiteY5" fmla="*/ 2093094 h 2098989"/>
              <a:gd name="connsiteX0" fmla="*/ 0 w 7411372"/>
              <a:gd name="connsiteY0" fmla="*/ 2926 h 2093094"/>
              <a:gd name="connsiteX1" fmla="*/ 6374937 w 7411372"/>
              <a:gd name="connsiteY1" fmla="*/ 0 h 2093094"/>
              <a:gd name="connsiteX2" fmla="*/ 7411372 w 7411372"/>
              <a:gd name="connsiteY2" fmla="*/ 1036435 h 2093094"/>
              <a:gd name="connsiteX3" fmla="*/ 7411371 w 7411372"/>
              <a:gd name="connsiteY3" fmla="*/ 1036435 h 2093094"/>
              <a:gd name="connsiteX4" fmla="*/ 6374936 w 7411372"/>
              <a:gd name="connsiteY4" fmla="*/ 2072870 h 2093094"/>
              <a:gd name="connsiteX5" fmla="*/ 2681114 w 7411372"/>
              <a:gd name="connsiteY5" fmla="*/ 2093094 h 2093094"/>
              <a:gd name="connsiteX0" fmla="*/ 0 w 7411372"/>
              <a:gd name="connsiteY0" fmla="*/ 2926 h 2088279"/>
              <a:gd name="connsiteX1" fmla="*/ 6374937 w 7411372"/>
              <a:gd name="connsiteY1" fmla="*/ 0 h 2088279"/>
              <a:gd name="connsiteX2" fmla="*/ 7411372 w 7411372"/>
              <a:gd name="connsiteY2" fmla="*/ 1036435 h 2088279"/>
              <a:gd name="connsiteX3" fmla="*/ 7411371 w 7411372"/>
              <a:gd name="connsiteY3" fmla="*/ 1036435 h 2088279"/>
              <a:gd name="connsiteX4" fmla="*/ 6374936 w 7411372"/>
              <a:gd name="connsiteY4" fmla="*/ 2072870 h 2088279"/>
              <a:gd name="connsiteX5" fmla="*/ 2685982 w 7411372"/>
              <a:gd name="connsiteY5" fmla="*/ 2088279 h 2088279"/>
              <a:gd name="connsiteX0" fmla="*/ 0 w 11030476"/>
              <a:gd name="connsiteY0" fmla="*/ 2926 h 2088279"/>
              <a:gd name="connsiteX1" fmla="*/ 9994041 w 11030476"/>
              <a:gd name="connsiteY1" fmla="*/ 0 h 2088279"/>
              <a:gd name="connsiteX2" fmla="*/ 11030476 w 11030476"/>
              <a:gd name="connsiteY2" fmla="*/ 1036435 h 2088279"/>
              <a:gd name="connsiteX3" fmla="*/ 11030475 w 11030476"/>
              <a:gd name="connsiteY3" fmla="*/ 1036435 h 2088279"/>
              <a:gd name="connsiteX4" fmla="*/ 9994040 w 11030476"/>
              <a:gd name="connsiteY4" fmla="*/ 2072870 h 2088279"/>
              <a:gd name="connsiteX5" fmla="*/ 6305086 w 11030476"/>
              <a:gd name="connsiteY5" fmla="*/ 2088279 h 2088279"/>
              <a:gd name="connsiteX0" fmla="*/ 0 w 11030476"/>
              <a:gd name="connsiteY0" fmla="*/ 2926 h 2116058"/>
              <a:gd name="connsiteX1" fmla="*/ 9994041 w 11030476"/>
              <a:gd name="connsiteY1" fmla="*/ 0 h 2116058"/>
              <a:gd name="connsiteX2" fmla="*/ 11030476 w 11030476"/>
              <a:gd name="connsiteY2" fmla="*/ 1036435 h 2116058"/>
              <a:gd name="connsiteX3" fmla="*/ 11030475 w 11030476"/>
              <a:gd name="connsiteY3" fmla="*/ 1036435 h 2116058"/>
              <a:gd name="connsiteX4" fmla="*/ 9994040 w 11030476"/>
              <a:gd name="connsiteY4" fmla="*/ 2072870 h 2116058"/>
              <a:gd name="connsiteX5" fmla="*/ 2760347 w 11030476"/>
              <a:gd name="connsiteY5" fmla="*/ 2116058 h 2116058"/>
              <a:gd name="connsiteX0" fmla="*/ 0 w 11030476"/>
              <a:gd name="connsiteY0" fmla="*/ 2926 h 2090722"/>
              <a:gd name="connsiteX1" fmla="*/ 9994041 w 11030476"/>
              <a:gd name="connsiteY1" fmla="*/ 0 h 2090722"/>
              <a:gd name="connsiteX2" fmla="*/ 11030476 w 11030476"/>
              <a:gd name="connsiteY2" fmla="*/ 1036435 h 2090722"/>
              <a:gd name="connsiteX3" fmla="*/ 11030475 w 11030476"/>
              <a:gd name="connsiteY3" fmla="*/ 1036435 h 2090722"/>
              <a:gd name="connsiteX4" fmla="*/ 9994040 w 11030476"/>
              <a:gd name="connsiteY4" fmla="*/ 2072870 h 2090722"/>
              <a:gd name="connsiteX5" fmla="*/ 2782957 w 11030476"/>
              <a:gd name="connsiteY5" fmla="*/ 2090722 h 20907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030476" h="2090722">
                <a:moveTo>
                  <a:pt x="0" y="2926"/>
                </a:moveTo>
                <a:lnTo>
                  <a:pt x="9994041" y="0"/>
                </a:lnTo>
                <a:cubicBezTo>
                  <a:pt x="10566448" y="0"/>
                  <a:pt x="11030476" y="464028"/>
                  <a:pt x="11030476" y="1036435"/>
                </a:cubicBezTo>
                <a:lnTo>
                  <a:pt x="11030475" y="1036435"/>
                </a:lnTo>
                <a:cubicBezTo>
                  <a:pt x="11030475" y="1608842"/>
                  <a:pt x="10566447" y="2072870"/>
                  <a:pt x="9994040" y="2072870"/>
                </a:cubicBezTo>
                <a:lnTo>
                  <a:pt x="2782957" y="2090722"/>
                </a:lnTo>
              </a:path>
            </a:pathLst>
          </a:custGeom>
          <a:noFill/>
          <a:ln w="19050" cap="flat">
            <a:solidFill>
              <a:schemeClr val="accent4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E5B6391C-6C1A-F377-E163-595620A0EC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0" dirty="0"/>
              <a:t>Here’s an example of how </a:t>
            </a:r>
            <a:r>
              <a:rPr lang="en-US" noProof="0" dirty="0" err="1"/>
              <a:t>EncircleRx</a:t>
            </a:r>
            <a:r>
              <a:rPr lang="en-US" noProof="0" dirty="0"/>
              <a:t> works 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D3D557D-9067-5080-0CD9-6D42EBC800B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73199" y="6397512"/>
            <a:ext cx="359212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b="1" kern="1200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 defTabSz="685800">
              <a:defRPr/>
            </a:pPr>
            <a:fld id="{23AA811B-2EBD-4900-905E-5BE206449611}" type="slidenum">
              <a:rPr lang="en-US" smtClean="0"/>
              <a:pPr algn="r" defTabSz="685800">
                <a:defRPr/>
              </a:pPr>
              <a:t>7</a:t>
            </a:fld>
            <a:endParaRPr lang="en-US" sz="600" b="1" dirty="0">
              <a:solidFill>
                <a:srgbClr val="0033FF"/>
              </a:solidFill>
              <a:latin typeface="Verdana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3136DED-201B-B7E7-35AA-F7410CB35301}"/>
              </a:ext>
            </a:extLst>
          </p:cNvPr>
          <p:cNvSpPr txBox="1"/>
          <p:nvPr/>
        </p:nvSpPr>
        <p:spPr>
          <a:xfrm>
            <a:off x="2820002" y="2036900"/>
            <a:ext cx="1629154" cy="949341"/>
          </a:xfrm>
          <a:prstGeom prst="rect">
            <a:avLst/>
          </a:prstGeom>
          <a:noFill/>
          <a:ln>
            <a:noFill/>
          </a:ln>
        </p:spPr>
        <p:txBody>
          <a:bodyPr wrap="square">
            <a:noAutofit/>
          </a:bodyPr>
          <a:lstStyle/>
          <a:p>
            <a:pPr defTabSz="685800">
              <a:defRPr/>
            </a:pPr>
            <a:r>
              <a:rPr lang="en-US" sz="675" b="1" dirty="0">
                <a:solidFill>
                  <a:srgbClr val="0033FF"/>
                </a:solidFill>
                <a:latin typeface="Verdana"/>
              </a:rPr>
              <a:t>All clients 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(new and existing) can communicate availability of </a:t>
            </a:r>
            <a:r>
              <a:rPr lang="en-US" sz="675" dirty="0" err="1">
                <a:solidFill>
                  <a:srgbClr val="110081"/>
                </a:solidFill>
                <a:latin typeface="Verdana"/>
              </a:rPr>
              <a:t>EncircleRx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 to covered members. </a:t>
            </a:r>
          </a:p>
          <a:p>
            <a:pPr defTabSz="685800">
              <a:defRPr/>
            </a:pPr>
            <a:endParaRPr lang="en-US" sz="675" dirty="0">
              <a:solidFill>
                <a:srgbClr val="110081"/>
              </a:solidFill>
              <a:latin typeface="Verdana"/>
            </a:endParaRPr>
          </a:p>
          <a:p>
            <a:pPr defTabSz="685800">
              <a:defRPr/>
            </a:pPr>
            <a:r>
              <a:rPr lang="en-US" sz="675" dirty="0">
                <a:solidFill>
                  <a:srgbClr val="110081"/>
                </a:solidFill>
                <a:latin typeface="Verdana"/>
                <a:cs typeface="Arial" charset="0"/>
              </a:rPr>
              <a:t> </a:t>
            </a:r>
            <a:endParaRPr lang="en-US" sz="750" dirty="0">
              <a:solidFill>
                <a:srgbClr val="110081"/>
              </a:solidFill>
              <a:latin typeface="Verdana"/>
              <a:cs typeface="Arial" charset="0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B10EA2F9-3139-3A1C-2EC9-CD27F8ACFE85}"/>
              </a:ext>
            </a:extLst>
          </p:cNvPr>
          <p:cNvSpPr txBox="1"/>
          <p:nvPr/>
        </p:nvSpPr>
        <p:spPr>
          <a:xfrm>
            <a:off x="4334769" y="2036901"/>
            <a:ext cx="1339810" cy="614833"/>
          </a:xfrm>
          <a:prstGeom prst="rect">
            <a:avLst/>
          </a:prstGeom>
          <a:noFill/>
          <a:ln>
            <a:noFill/>
          </a:ln>
        </p:spPr>
        <p:txBody>
          <a:bodyPr wrap="square">
            <a:noAutofit/>
          </a:bodyPr>
          <a:lstStyle/>
          <a:p>
            <a:pPr defTabSz="685800" fontAlgn="base">
              <a:defRPr/>
            </a:pPr>
            <a:r>
              <a:rPr lang="en-US" sz="675" dirty="0">
                <a:solidFill>
                  <a:srgbClr val="110081"/>
                </a:solidFill>
                <a:latin typeface="Verdana"/>
              </a:rPr>
              <a:t>Doctor prescribing</a:t>
            </a:r>
            <a:r>
              <a:rPr lang="en-US" sz="675" dirty="0">
                <a:solidFill>
                  <a:srgbClr val="FF0000"/>
                </a:solidFill>
                <a:latin typeface="Verdana"/>
              </a:rPr>
              <a:t> 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a GLP-1 medication is prompted to submit a </a:t>
            </a:r>
            <a:r>
              <a:rPr lang="en-US" sz="675" b="1" dirty="0">
                <a:solidFill>
                  <a:srgbClr val="0033FF"/>
                </a:solidFill>
                <a:latin typeface="Verdana"/>
              </a:rPr>
              <a:t>prior authorization 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(PA).</a:t>
            </a:r>
            <a:endParaRPr lang="en-US" sz="675" b="1" dirty="0">
              <a:solidFill>
                <a:srgbClr val="110081"/>
              </a:solidFill>
              <a:latin typeface="Verdana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0074D37-8BB7-5837-A3D6-F20F5BFB5027}"/>
              </a:ext>
            </a:extLst>
          </p:cNvPr>
          <p:cNvSpPr txBox="1"/>
          <p:nvPr/>
        </p:nvSpPr>
        <p:spPr>
          <a:xfrm>
            <a:off x="5659747" y="2036901"/>
            <a:ext cx="1561649" cy="522923"/>
          </a:xfrm>
          <a:prstGeom prst="rect">
            <a:avLst/>
          </a:prstGeom>
          <a:noFill/>
          <a:ln>
            <a:noFill/>
          </a:ln>
        </p:spPr>
        <p:txBody>
          <a:bodyPr wrap="square">
            <a:noAutofit/>
          </a:bodyPr>
          <a:lstStyle/>
          <a:p>
            <a:pPr defTabSz="685800">
              <a:defRPr/>
            </a:pPr>
            <a:r>
              <a:rPr lang="en-US" sz="675" dirty="0">
                <a:solidFill>
                  <a:srgbClr val="110081"/>
                </a:solidFill>
                <a:latin typeface="Verdana"/>
                <a:ea typeface="Calibri" panose="020F0502020204030204" pitchFamily="34" charset="0"/>
              </a:rPr>
              <a:t>Prior to getting the drug, Omada reaches 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out to customer to enroll in our Omada </a:t>
            </a:r>
            <a:r>
              <a:rPr lang="en-US" sz="675" b="1" dirty="0">
                <a:solidFill>
                  <a:srgbClr val="0033FF"/>
                </a:solidFill>
                <a:latin typeface="Verdana"/>
              </a:rPr>
              <a:t>lifestyle program</a:t>
            </a:r>
            <a:r>
              <a:rPr lang="en-US" sz="675" dirty="0">
                <a:solidFill>
                  <a:srgbClr val="110081"/>
                </a:solidFill>
                <a:latin typeface="Verdana"/>
                <a:ea typeface="Calibri" panose="020F0502020204030204" pitchFamily="34" charset="0"/>
              </a:rPr>
              <a:t>. Once enrolled, the customer receives a scale and learns more about the program and requirements.*</a:t>
            </a:r>
          </a:p>
          <a:p>
            <a:pPr defTabSz="685800">
              <a:defRPr/>
            </a:pPr>
            <a:endParaRPr lang="en-US" sz="750" baseline="30000" dirty="0">
              <a:solidFill>
                <a:srgbClr val="110081"/>
              </a:solidFill>
              <a:latin typeface="Verdana"/>
              <a:cs typeface="Arial" charset="0"/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8674293-1015-3254-E4C3-0138EFB72F61}"/>
              </a:ext>
            </a:extLst>
          </p:cNvPr>
          <p:cNvSpPr/>
          <p:nvPr/>
        </p:nvSpPr>
        <p:spPr>
          <a:xfrm>
            <a:off x="7221395" y="2036901"/>
            <a:ext cx="1324728" cy="5078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685800">
              <a:spcBef>
                <a:spcPts val="225"/>
              </a:spcBef>
              <a:spcAft>
                <a:spcPts val="450"/>
              </a:spcAft>
              <a:defRPr/>
            </a:pPr>
            <a:r>
              <a:rPr lang="en-US" sz="675" dirty="0">
                <a:solidFill>
                  <a:srgbClr val="110081"/>
                </a:solidFill>
                <a:latin typeface="Verdana"/>
              </a:rPr>
              <a:t>Customer meets </a:t>
            </a:r>
            <a:r>
              <a:rPr lang="en-US" sz="675" b="1" dirty="0">
                <a:solidFill>
                  <a:srgbClr val="0033FF"/>
                </a:solidFill>
                <a:latin typeface="Verdana"/>
              </a:rPr>
              <a:t>new criteria 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for the program (Omada enrollment, </a:t>
            </a:r>
            <a:r>
              <a:rPr lang="en-US" sz="675" dirty="0">
                <a:solidFill>
                  <a:schemeClr val="bg2"/>
                </a:solidFill>
                <a:latin typeface="Verdana"/>
              </a:rPr>
              <a:t>BMI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) and PA is approved.</a:t>
            </a:r>
          </a:p>
        </p:txBody>
      </p:sp>
      <p:sp>
        <p:nvSpPr>
          <p:cNvPr id="20" name="Rectangle: Rounded Corners 28">
            <a:extLst>
              <a:ext uri="{FF2B5EF4-FFF2-40B4-BE49-F238E27FC236}">
                <a16:creationId xmlns:a16="http://schemas.microsoft.com/office/drawing/2014/main" id="{C0CF6FA4-D8BD-F675-A652-5759635457AE}"/>
              </a:ext>
            </a:extLst>
          </p:cNvPr>
          <p:cNvSpPr/>
          <p:nvPr/>
        </p:nvSpPr>
        <p:spPr>
          <a:xfrm flipH="1">
            <a:off x="2826180" y="3312280"/>
            <a:ext cx="5554980" cy="1455935"/>
          </a:xfrm>
          <a:custGeom>
            <a:avLst/>
            <a:gdLst>
              <a:gd name="connsiteX0" fmla="*/ 0 w 11962435"/>
              <a:gd name="connsiteY0" fmla="*/ 1036435 h 2072869"/>
              <a:gd name="connsiteX1" fmla="*/ 1036435 w 11962435"/>
              <a:gd name="connsiteY1" fmla="*/ 0 h 2072869"/>
              <a:gd name="connsiteX2" fmla="*/ 10926001 w 11962435"/>
              <a:gd name="connsiteY2" fmla="*/ 0 h 2072869"/>
              <a:gd name="connsiteX3" fmla="*/ 11962436 w 11962435"/>
              <a:gd name="connsiteY3" fmla="*/ 1036435 h 2072869"/>
              <a:gd name="connsiteX4" fmla="*/ 11962435 w 11962435"/>
              <a:gd name="connsiteY4" fmla="*/ 1036435 h 2072869"/>
              <a:gd name="connsiteX5" fmla="*/ 10926000 w 11962435"/>
              <a:gd name="connsiteY5" fmla="*/ 2072870 h 2072869"/>
              <a:gd name="connsiteX6" fmla="*/ 1036435 w 11962435"/>
              <a:gd name="connsiteY6" fmla="*/ 2072869 h 2072869"/>
              <a:gd name="connsiteX7" fmla="*/ 0 w 11962435"/>
              <a:gd name="connsiteY7" fmla="*/ 1036434 h 2072869"/>
              <a:gd name="connsiteX8" fmla="*/ 0 w 11962435"/>
              <a:gd name="connsiteY8" fmla="*/ 1036435 h 2072869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7" fmla="*/ 0 w 11962436"/>
              <a:gd name="connsiteY7" fmla="*/ 1036434 h 2072870"/>
              <a:gd name="connsiteX8" fmla="*/ 0 w 11962436"/>
              <a:gd name="connsiteY8" fmla="*/ 1036435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7" fmla="*/ 0 w 11962436"/>
              <a:gd name="connsiteY7" fmla="*/ 1036434 h 2072870"/>
              <a:gd name="connsiteX8" fmla="*/ 91440 w 11962436"/>
              <a:gd name="connsiteY8" fmla="*/ 1127875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7" fmla="*/ 0 w 11962436"/>
              <a:gd name="connsiteY7" fmla="*/ 1036434 h 2072870"/>
              <a:gd name="connsiteX8" fmla="*/ 91440 w 11962436"/>
              <a:gd name="connsiteY8" fmla="*/ 1127875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7" fmla="*/ 0 w 11962436"/>
              <a:gd name="connsiteY7" fmla="*/ 1036434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0" fmla="*/ 0 w 11962436"/>
              <a:gd name="connsiteY0" fmla="*/ 1036435 h 2072870"/>
              <a:gd name="connsiteX1" fmla="*/ 1036435 w 11962436"/>
              <a:gd name="connsiteY1" fmla="*/ 0 h 2072870"/>
              <a:gd name="connsiteX2" fmla="*/ 10926001 w 11962436"/>
              <a:gd name="connsiteY2" fmla="*/ 0 h 2072870"/>
              <a:gd name="connsiteX3" fmla="*/ 11962436 w 11962436"/>
              <a:gd name="connsiteY3" fmla="*/ 1036435 h 2072870"/>
              <a:gd name="connsiteX4" fmla="*/ 11962435 w 11962436"/>
              <a:gd name="connsiteY4" fmla="*/ 1036435 h 2072870"/>
              <a:gd name="connsiteX5" fmla="*/ 10926000 w 11962436"/>
              <a:gd name="connsiteY5" fmla="*/ 2072870 h 2072870"/>
              <a:gd name="connsiteX6" fmla="*/ 1036435 w 11962436"/>
              <a:gd name="connsiteY6" fmla="*/ 2072869 h 2072870"/>
              <a:gd name="connsiteX0" fmla="*/ 0 w 10926001"/>
              <a:gd name="connsiteY0" fmla="*/ 0 h 2072870"/>
              <a:gd name="connsiteX1" fmla="*/ 9889566 w 10926001"/>
              <a:gd name="connsiteY1" fmla="*/ 0 h 2072870"/>
              <a:gd name="connsiteX2" fmla="*/ 10926001 w 10926001"/>
              <a:gd name="connsiteY2" fmla="*/ 1036435 h 2072870"/>
              <a:gd name="connsiteX3" fmla="*/ 10926000 w 10926001"/>
              <a:gd name="connsiteY3" fmla="*/ 1036435 h 2072870"/>
              <a:gd name="connsiteX4" fmla="*/ 9889565 w 10926001"/>
              <a:gd name="connsiteY4" fmla="*/ 2072870 h 2072870"/>
              <a:gd name="connsiteX5" fmla="*/ 0 w 10926001"/>
              <a:gd name="connsiteY5" fmla="*/ 2072869 h 2072870"/>
              <a:gd name="connsiteX0" fmla="*/ 248856 w 10926001"/>
              <a:gd name="connsiteY0" fmla="*/ 0 h 2072870"/>
              <a:gd name="connsiteX1" fmla="*/ 9889566 w 10926001"/>
              <a:gd name="connsiteY1" fmla="*/ 0 h 2072870"/>
              <a:gd name="connsiteX2" fmla="*/ 10926001 w 10926001"/>
              <a:gd name="connsiteY2" fmla="*/ 1036435 h 2072870"/>
              <a:gd name="connsiteX3" fmla="*/ 10926000 w 10926001"/>
              <a:gd name="connsiteY3" fmla="*/ 1036435 h 2072870"/>
              <a:gd name="connsiteX4" fmla="*/ 9889565 w 10926001"/>
              <a:gd name="connsiteY4" fmla="*/ 2072870 h 2072870"/>
              <a:gd name="connsiteX5" fmla="*/ 0 w 10926001"/>
              <a:gd name="connsiteY5" fmla="*/ 2072869 h 2072870"/>
              <a:gd name="connsiteX0" fmla="*/ 0 w 10677145"/>
              <a:gd name="connsiteY0" fmla="*/ 0 h 2072870"/>
              <a:gd name="connsiteX1" fmla="*/ 9640710 w 10677145"/>
              <a:gd name="connsiteY1" fmla="*/ 0 h 2072870"/>
              <a:gd name="connsiteX2" fmla="*/ 10677145 w 10677145"/>
              <a:gd name="connsiteY2" fmla="*/ 1036435 h 2072870"/>
              <a:gd name="connsiteX3" fmla="*/ 10677144 w 10677145"/>
              <a:gd name="connsiteY3" fmla="*/ 1036435 h 2072870"/>
              <a:gd name="connsiteX4" fmla="*/ 9640709 w 10677145"/>
              <a:gd name="connsiteY4" fmla="*/ 2072870 h 2072870"/>
              <a:gd name="connsiteX5" fmla="*/ 2174304 w 10677145"/>
              <a:gd name="connsiteY5" fmla="*/ 2072869 h 2072870"/>
              <a:gd name="connsiteX0" fmla="*/ 0 w 9457969"/>
              <a:gd name="connsiteY0" fmla="*/ 0 h 2072870"/>
              <a:gd name="connsiteX1" fmla="*/ 8421534 w 9457969"/>
              <a:gd name="connsiteY1" fmla="*/ 0 h 2072870"/>
              <a:gd name="connsiteX2" fmla="*/ 9457969 w 9457969"/>
              <a:gd name="connsiteY2" fmla="*/ 1036435 h 2072870"/>
              <a:gd name="connsiteX3" fmla="*/ 9457968 w 9457969"/>
              <a:gd name="connsiteY3" fmla="*/ 1036435 h 2072870"/>
              <a:gd name="connsiteX4" fmla="*/ 8421533 w 9457969"/>
              <a:gd name="connsiteY4" fmla="*/ 2072870 h 2072870"/>
              <a:gd name="connsiteX5" fmla="*/ 955128 w 9457969"/>
              <a:gd name="connsiteY5" fmla="*/ 2072869 h 2072870"/>
              <a:gd name="connsiteX0" fmla="*/ 0 w 9457969"/>
              <a:gd name="connsiteY0" fmla="*/ 0 h 2078057"/>
              <a:gd name="connsiteX1" fmla="*/ 8421534 w 9457969"/>
              <a:gd name="connsiteY1" fmla="*/ 0 h 2078057"/>
              <a:gd name="connsiteX2" fmla="*/ 9457969 w 9457969"/>
              <a:gd name="connsiteY2" fmla="*/ 1036435 h 2078057"/>
              <a:gd name="connsiteX3" fmla="*/ 9457968 w 9457969"/>
              <a:gd name="connsiteY3" fmla="*/ 1036435 h 2078057"/>
              <a:gd name="connsiteX4" fmla="*/ 8421533 w 9457969"/>
              <a:gd name="connsiteY4" fmla="*/ 2072870 h 2078057"/>
              <a:gd name="connsiteX5" fmla="*/ 3082200 w 9457969"/>
              <a:gd name="connsiteY5" fmla="*/ 2078057 h 2078057"/>
              <a:gd name="connsiteX0" fmla="*/ 0 w 8967225"/>
              <a:gd name="connsiteY0" fmla="*/ 0 h 2078057"/>
              <a:gd name="connsiteX1" fmla="*/ 7930790 w 8967225"/>
              <a:gd name="connsiteY1" fmla="*/ 0 h 2078057"/>
              <a:gd name="connsiteX2" fmla="*/ 8967225 w 8967225"/>
              <a:gd name="connsiteY2" fmla="*/ 1036435 h 2078057"/>
              <a:gd name="connsiteX3" fmla="*/ 8967224 w 8967225"/>
              <a:gd name="connsiteY3" fmla="*/ 1036435 h 2078057"/>
              <a:gd name="connsiteX4" fmla="*/ 7930789 w 8967225"/>
              <a:gd name="connsiteY4" fmla="*/ 2072870 h 2078057"/>
              <a:gd name="connsiteX5" fmla="*/ 2591456 w 8967225"/>
              <a:gd name="connsiteY5" fmla="*/ 2078057 h 2078057"/>
              <a:gd name="connsiteX0" fmla="*/ 0 w 8967225"/>
              <a:gd name="connsiteY0" fmla="*/ 0 h 2074563"/>
              <a:gd name="connsiteX1" fmla="*/ 7930790 w 8967225"/>
              <a:gd name="connsiteY1" fmla="*/ 0 h 2074563"/>
              <a:gd name="connsiteX2" fmla="*/ 8967225 w 8967225"/>
              <a:gd name="connsiteY2" fmla="*/ 1036435 h 2074563"/>
              <a:gd name="connsiteX3" fmla="*/ 8967224 w 8967225"/>
              <a:gd name="connsiteY3" fmla="*/ 1036435 h 2074563"/>
              <a:gd name="connsiteX4" fmla="*/ 7930789 w 8967225"/>
              <a:gd name="connsiteY4" fmla="*/ 2072870 h 2074563"/>
              <a:gd name="connsiteX5" fmla="*/ 3400375 w 8967225"/>
              <a:gd name="connsiteY5" fmla="*/ 2074563 h 2074563"/>
              <a:gd name="connsiteX0" fmla="*/ 0 w 7411372"/>
              <a:gd name="connsiteY0" fmla="*/ 2926 h 2074563"/>
              <a:gd name="connsiteX1" fmla="*/ 6374937 w 7411372"/>
              <a:gd name="connsiteY1" fmla="*/ 0 h 2074563"/>
              <a:gd name="connsiteX2" fmla="*/ 7411372 w 7411372"/>
              <a:gd name="connsiteY2" fmla="*/ 1036435 h 2074563"/>
              <a:gd name="connsiteX3" fmla="*/ 7411371 w 7411372"/>
              <a:gd name="connsiteY3" fmla="*/ 1036435 h 2074563"/>
              <a:gd name="connsiteX4" fmla="*/ 6374936 w 7411372"/>
              <a:gd name="connsiteY4" fmla="*/ 2072870 h 2074563"/>
              <a:gd name="connsiteX5" fmla="*/ 1844522 w 7411372"/>
              <a:gd name="connsiteY5" fmla="*/ 2074563 h 2074563"/>
              <a:gd name="connsiteX0" fmla="*/ 0 w 7411372"/>
              <a:gd name="connsiteY0" fmla="*/ 2926 h 2083341"/>
              <a:gd name="connsiteX1" fmla="*/ 6374937 w 7411372"/>
              <a:gd name="connsiteY1" fmla="*/ 0 h 2083341"/>
              <a:gd name="connsiteX2" fmla="*/ 7411372 w 7411372"/>
              <a:gd name="connsiteY2" fmla="*/ 1036435 h 2083341"/>
              <a:gd name="connsiteX3" fmla="*/ 7411371 w 7411372"/>
              <a:gd name="connsiteY3" fmla="*/ 1036435 h 2083341"/>
              <a:gd name="connsiteX4" fmla="*/ 6374936 w 7411372"/>
              <a:gd name="connsiteY4" fmla="*/ 2072870 h 2083341"/>
              <a:gd name="connsiteX5" fmla="*/ 2560333 w 7411372"/>
              <a:gd name="connsiteY5" fmla="*/ 2083341 h 2083341"/>
              <a:gd name="connsiteX0" fmla="*/ 0 w 7411372"/>
              <a:gd name="connsiteY0" fmla="*/ 2926 h 2083341"/>
              <a:gd name="connsiteX1" fmla="*/ 6374937 w 7411372"/>
              <a:gd name="connsiteY1" fmla="*/ 0 h 2083341"/>
              <a:gd name="connsiteX2" fmla="*/ 7411372 w 7411372"/>
              <a:gd name="connsiteY2" fmla="*/ 1036435 h 2083341"/>
              <a:gd name="connsiteX3" fmla="*/ 7411371 w 7411372"/>
              <a:gd name="connsiteY3" fmla="*/ 1036435 h 2083341"/>
              <a:gd name="connsiteX4" fmla="*/ 6374936 w 7411372"/>
              <a:gd name="connsiteY4" fmla="*/ 2072870 h 2083341"/>
              <a:gd name="connsiteX5" fmla="*/ 2560333 w 7411372"/>
              <a:gd name="connsiteY5" fmla="*/ 2083341 h 2083341"/>
              <a:gd name="connsiteX0" fmla="*/ 0 w 7411372"/>
              <a:gd name="connsiteY0" fmla="*/ 2926 h 2090619"/>
              <a:gd name="connsiteX1" fmla="*/ 6374937 w 7411372"/>
              <a:gd name="connsiteY1" fmla="*/ 0 h 2090619"/>
              <a:gd name="connsiteX2" fmla="*/ 7411372 w 7411372"/>
              <a:gd name="connsiteY2" fmla="*/ 1036435 h 2090619"/>
              <a:gd name="connsiteX3" fmla="*/ 7411371 w 7411372"/>
              <a:gd name="connsiteY3" fmla="*/ 1036435 h 2090619"/>
              <a:gd name="connsiteX4" fmla="*/ 6374936 w 7411372"/>
              <a:gd name="connsiteY4" fmla="*/ 2072870 h 2090619"/>
              <a:gd name="connsiteX5" fmla="*/ 2560333 w 7411372"/>
              <a:gd name="connsiteY5" fmla="*/ 2083341 h 2090619"/>
              <a:gd name="connsiteX0" fmla="*/ 0 w 7411372"/>
              <a:gd name="connsiteY0" fmla="*/ 2926 h 2098989"/>
              <a:gd name="connsiteX1" fmla="*/ 6374937 w 7411372"/>
              <a:gd name="connsiteY1" fmla="*/ 0 h 2098989"/>
              <a:gd name="connsiteX2" fmla="*/ 7411372 w 7411372"/>
              <a:gd name="connsiteY2" fmla="*/ 1036435 h 2098989"/>
              <a:gd name="connsiteX3" fmla="*/ 7411371 w 7411372"/>
              <a:gd name="connsiteY3" fmla="*/ 1036435 h 2098989"/>
              <a:gd name="connsiteX4" fmla="*/ 6374936 w 7411372"/>
              <a:gd name="connsiteY4" fmla="*/ 2072870 h 2098989"/>
              <a:gd name="connsiteX5" fmla="*/ 2681114 w 7411372"/>
              <a:gd name="connsiteY5" fmla="*/ 2093094 h 2098989"/>
              <a:gd name="connsiteX0" fmla="*/ 0 w 7411372"/>
              <a:gd name="connsiteY0" fmla="*/ 2926 h 2093094"/>
              <a:gd name="connsiteX1" fmla="*/ 6374937 w 7411372"/>
              <a:gd name="connsiteY1" fmla="*/ 0 h 2093094"/>
              <a:gd name="connsiteX2" fmla="*/ 7411372 w 7411372"/>
              <a:gd name="connsiteY2" fmla="*/ 1036435 h 2093094"/>
              <a:gd name="connsiteX3" fmla="*/ 7411371 w 7411372"/>
              <a:gd name="connsiteY3" fmla="*/ 1036435 h 2093094"/>
              <a:gd name="connsiteX4" fmla="*/ 6374936 w 7411372"/>
              <a:gd name="connsiteY4" fmla="*/ 2072870 h 2093094"/>
              <a:gd name="connsiteX5" fmla="*/ 2681114 w 7411372"/>
              <a:gd name="connsiteY5" fmla="*/ 2093094 h 2093094"/>
              <a:gd name="connsiteX0" fmla="*/ 0 w 7411372"/>
              <a:gd name="connsiteY0" fmla="*/ 2926 h 2088279"/>
              <a:gd name="connsiteX1" fmla="*/ 6374937 w 7411372"/>
              <a:gd name="connsiteY1" fmla="*/ 0 h 2088279"/>
              <a:gd name="connsiteX2" fmla="*/ 7411372 w 7411372"/>
              <a:gd name="connsiteY2" fmla="*/ 1036435 h 2088279"/>
              <a:gd name="connsiteX3" fmla="*/ 7411371 w 7411372"/>
              <a:gd name="connsiteY3" fmla="*/ 1036435 h 2088279"/>
              <a:gd name="connsiteX4" fmla="*/ 6374936 w 7411372"/>
              <a:gd name="connsiteY4" fmla="*/ 2072870 h 2088279"/>
              <a:gd name="connsiteX5" fmla="*/ 2685982 w 7411372"/>
              <a:gd name="connsiteY5" fmla="*/ 2088279 h 2088279"/>
              <a:gd name="connsiteX0" fmla="*/ 0 w 11030476"/>
              <a:gd name="connsiteY0" fmla="*/ 2926 h 2088279"/>
              <a:gd name="connsiteX1" fmla="*/ 9994041 w 11030476"/>
              <a:gd name="connsiteY1" fmla="*/ 0 h 2088279"/>
              <a:gd name="connsiteX2" fmla="*/ 11030476 w 11030476"/>
              <a:gd name="connsiteY2" fmla="*/ 1036435 h 2088279"/>
              <a:gd name="connsiteX3" fmla="*/ 11030475 w 11030476"/>
              <a:gd name="connsiteY3" fmla="*/ 1036435 h 2088279"/>
              <a:gd name="connsiteX4" fmla="*/ 9994040 w 11030476"/>
              <a:gd name="connsiteY4" fmla="*/ 2072870 h 2088279"/>
              <a:gd name="connsiteX5" fmla="*/ 6305086 w 11030476"/>
              <a:gd name="connsiteY5" fmla="*/ 2088279 h 2088279"/>
              <a:gd name="connsiteX0" fmla="*/ 0 w 11030476"/>
              <a:gd name="connsiteY0" fmla="*/ 2926 h 2116058"/>
              <a:gd name="connsiteX1" fmla="*/ 9994041 w 11030476"/>
              <a:gd name="connsiteY1" fmla="*/ 0 h 2116058"/>
              <a:gd name="connsiteX2" fmla="*/ 11030476 w 11030476"/>
              <a:gd name="connsiteY2" fmla="*/ 1036435 h 2116058"/>
              <a:gd name="connsiteX3" fmla="*/ 11030475 w 11030476"/>
              <a:gd name="connsiteY3" fmla="*/ 1036435 h 2116058"/>
              <a:gd name="connsiteX4" fmla="*/ 9994040 w 11030476"/>
              <a:gd name="connsiteY4" fmla="*/ 2072870 h 2116058"/>
              <a:gd name="connsiteX5" fmla="*/ 2760347 w 11030476"/>
              <a:gd name="connsiteY5" fmla="*/ 2116058 h 2116058"/>
              <a:gd name="connsiteX0" fmla="*/ 0 w 11030476"/>
              <a:gd name="connsiteY0" fmla="*/ 2926 h 2090722"/>
              <a:gd name="connsiteX1" fmla="*/ 9994041 w 11030476"/>
              <a:gd name="connsiteY1" fmla="*/ 0 h 2090722"/>
              <a:gd name="connsiteX2" fmla="*/ 11030476 w 11030476"/>
              <a:gd name="connsiteY2" fmla="*/ 1036435 h 2090722"/>
              <a:gd name="connsiteX3" fmla="*/ 11030475 w 11030476"/>
              <a:gd name="connsiteY3" fmla="*/ 1036435 h 2090722"/>
              <a:gd name="connsiteX4" fmla="*/ 9994040 w 11030476"/>
              <a:gd name="connsiteY4" fmla="*/ 2072870 h 2090722"/>
              <a:gd name="connsiteX5" fmla="*/ 2782957 w 11030476"/>
              <a:gd name="connsiteY5" fmla="*/ 2090722 h 2090722"/>
              <a:gd name="connsiteX0" fmla="*/ 924951 w 8247519"/>
              <a:gd name="connsiteY0" fmla="*/ 2926 h 2090722"/>
              <a:gd name="connsiteX1" fmla="*/ 7211084 w 8247519"/>
              <a:gd name="connsiteY1" fmla="*/ 0 h 2090722"/>
              <a:gd name="connsiteX2" fmla="*/ 8247519 w 8247519"/>
              <a:gd name="connsiteY2" fmla="*/ 1036435 h 2090722"/>
              <a:gd name="connsiteX3" fmla="*/ 8247518 w 8247519"/>
              <a:gd name="connsiteY3" fmla="*/ 1036435 h 2090722"/>
              <a:gd name="connsiteX4" fmla="*/ 7211083 w 8247519"/>
              <a:gd name="connsiteY4" fmla="*/ 2072870 h 2090722"/>
              <a:gd name="connsiteX5" fmla="*/ 0 w 8247519"/>
              <a:gd name="connsiteY5" fmla="*/ 2090722 h 2090722"/>
              <a:gd name="connsiteX0" fmla="*/ 6908311 w 8247519"/>
              <a:gd name="connsiteY0" fmla="*/ 504834 h 2090722"/>
              <a:gd name="connsiteX1" fmla="*/ 7211084 w 8247519"/>
              <a:gd name="connsiteY1" fmla="*/ 0 h 2090722"/>
              <a:gd name="connsiteX2" fmla="*/ 8247519 w 8247519"/>
              <a:gd name="connsiteY2" fmla="*/ 1036435 h 2090722"/>
              <a:gd name="connsiteX3" fmla="*/ 8247518 w 8247519"/>
              <a:gd name="connsiteY3" fmla="*/ 1036435 h 2090722"/>
              <a:gd name="connsiteX4" fmla="*/ 7211083 w 8247519"/>
              <a:gd name="connsiteY4" fmla="*/ 2072870 h 2090722"/>
              <a:gd name="connsiteX5" fmla="*/ 0 w 8247519"/>
              <a:gd name="connsiteY5" fmla="*/ 2090722 h 2090722"/>
              <a:gd name="connsiteX0" fmla="*/ 7211084 w 8247519"/>
              <a:gd name="connsiteY0" fmla="*/ 0 h 2090722"/>
              <a:gd name="connsiteX1" fmla="*/ 8247519 w 8247519"/>
              <a:gd name="connsiteY1" fmla="*/ 1036435 h 2090722"/>
              <a:gd name="connsiteX2" fmla="*/ 8247518 w 8247519"/>
              <a:gd name="connsiteY2" fmla="*/ 1036435 h 2090722"/>
              <a:gd name="connsiteX3" fmla="*/ 7211083 w 8247519"/>
              <a:gd name="connsiteY3" fmla="*/ 2072870 h 2090722"/>
              <a:gd name="connsiteX4" fmla="*/ 0 w 8247519"/>
              <a:gd name="connsiteY4" fmla="*/ 2090722 h 2090722"/>
              <a:gd name="connsiteX0" fmla="*/ 7325109 w 8247519"/>
              <a:gd name="connsiteY0" fmla="*/ 0 h 2087753"/>
              <a:gd name="connsiteX1" fmla="*/ 8247519 w 8247519"/>
              <a:gd name="connsiteY1" fmla="*/ 1033466 h 2087753"/>
              <a:gd name="connsiteX2" fmla="*/ 8247518 w 8247519"/>
              <a:gd name="connsiteY2" fmla="*/ 1033466 h 2087753"/>
              <a:gd name="connsiteX3" fmla="*/ 7211083 w 8247519"/>
              <a:gd name="connsiteY3" fmla="*/ 2069901 h 2087753"/>
              <a:gd name="connsiteX4" fmla="*/ 0 w 8247519"/>
              <a:gd name="connsiteY4" fmla="*/ 2087753 h 2087753"/>
              <a:gd name="connsiteX0" fmla="*/ 7325109 w 8247519"/>
              <a:gd name="connsiteY0" fmla="*/ 0 h 2087753"/>
              <a:gd name="connsiteX1" fmla="*/ 8247519 w 8247519"/>
              <a:gd name="connsiteY1" fmla="*/ 1033466 h 2087753"/>
              <a:gd name="connsiteX2" fmla="*/ 8247518 w 8247519"/>
              <a:gd name="connsiteY2" fmla="*/ 1033466 h 2087753"/>
              <a:gd name="connsiteX3" fmla="*/ 7211083 w 8247519"/>
              <a:gd name="connsiteY3" fmla="*/ 2069901 h 2087753"/>
              <a:gd name="connsiteX4" fmla="*/ 0 w 8247519"/>
              <a:gd name="connsiteY4" fmla="*/ 2087753 h 208775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247519" h="2087753">
                <a:moveTo>
                  <a:pt x="7325109" y="0"/>
                </a:moveTo>
                <a:cubicBezTo>
                  <a:pt x="7897517" y="0"/>
                  <a:pt x="8247519" y="461059"/>
                  <a:pt x="8247519" y="1033466"/>
                </a:cubicBezTo>
                <a:lnTo>
                  <a:pt x="8247518" y="1033466"/>
                </a:lnTo>
                <a:cubicBezTo>
                  <a:pt x="8247518" y="1605873"/>
                  <a:pt x="7783490" y="2069901"/>
                  <a:pt x="7211083" y="2069901"/>
                </a:cubicBezTo>
                <a:lnTo>
                  <a:pt x="0" y="2087753"/>
                </a:lnTo>
              </a:path>
            </a:pathLst>
          </a:custGeom>
          <a:noFill/>
          <a:ln w="19050" cap="flat">
            <a:solidFill>
              <a:schemeClr val="accent4"/>
            </a:solidFill>
            <a:prstDash val="solid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sp>
        <p:nvSpPr>
          <p:cNvPr id="46" name="Freeform: Shape 45">
            <a:extLst>
              <a:ext uri="{FF2B5EF4-FFF2-40B4-BE49-F238E27FC236}">
                <a16:creationId xmlns:a16="http://schemas.microsoft.com/office/drawing/2014/main" id="{B2E79124-9566-0B03-27C2-E9B36BA75729}"/>
              </a:ext>
            </a:extLst>
          </p:cNvPr>
          <p:cNvSpPr/>
          <p:nvPr/>
        </p:nvSpPr>
        <p:spPr>
          <a:xfrm>
            <a:off x="7401081" y="3072949"/>
            <a:ext cx="482600" cy="539189"/>
          </a:xfrm>
          <a:custGeom>
            <a:avLst/>
            <a:gdLst>
              <a:gd name="connsiteX0" fmla="*/ 241300 w 482600"/>
              <a:gd name="connsiteY0" fmla="*/ 0 h 482600"/>
              <a:gd name="connsiteX1" fmla="*/ 0 w 482600"/>
              <a:gd name="connsiteY1" fmla="*/ 241300 h 482600"/>
              <a:gd name="connsiteX2" fmla="*/ 241300 w 482600"/>
              <a:gd name="connsiteY2" fmla="*/ 482600 h 482600"/>
              <a:gd name="connsiteX3" fmla="*/ 482600 w 482600"/>
              <a:gd name="connsiteY3" fmla="*/ 241300 h 482600"/>
              <a:gd name="connsiteX4" fmla="*/ 241300 w 482600"/>
              <a:gd name="connsiteY4" fmla="*/ 0 h 482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82600" h="482600">
                <a:moveTo>
                  <a:pt x="241300" y="0"/>
                </a:moveTo>
                <a:cubicBezTo>
                  <a:pt x="108049" y="0"/>
                  <a:pt x="0" y="108049"/>
                  <a:pt x="0" y="241300"/>
                </a:cubicBezTo>
                <a:cubicBezTo>
                  <a:pt x="0" y="374551"/>
                  <a:pt x="108049" y="482600"/>
                  <a:pt x="241300" y="482600"/>
                </a:cubicBezTo>
                <a:cubicBezTo>
                  <a:pt x="374551" y="482600"/>
                  <a:pt x="482600" y="374551"/>
                  <a:pt x="482600" y="241300"/>
                </a:cubicBezTo>
                <a:cubicBezTo>
                  <a:pt x="482600" y="108049"/>
                  <a:pt x="374551" y="0"/>
                  <a:pt x="241300" y="0"/>
                </a:cubicBezTo>
              </a:path>
            </a:pathLst>
          </a:custGeom>
          <a:solidFill>
            <a:schemeClr val="bg1"/>
          </a:solidFill>
          <a:ln w="25400" cap="flat">
            <a:solidFill>
              <a:schemeClr val="bg1"/>
            </a:solidFill>
            <a:prstDash val="solid"/>
            <a:miter/>
          </a:ln>
        </p:spPr>
        <p:txBody>
          <a:bodyPr rtlCol="0" anchor="ctr"/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sp>
        <p:nvSpPr>
          <p:cNvPr id="47" name="Oval 46">
            <a:extLst>
              <a:ext uri="{FF2B5EF4-FFF2-40B4-BE49-F238E27FC236}">
                <a16:creationId xmlns:a16="http://schemas.microsoft.com/office/drawing/2014/main" id="{EA9E6029-7943-E3F4-7DEE-B40120525225}"/>
              </a:ext>
            </a:extLst>
          </p:cNvPr>
          <p:cNvSpPr/>
          <p:nvPr/>
        </p:nvSpPr>
        <p:spPr>
          <a:xfrm>
            <a:off x="7741809" y="3090118"/>
            <a:ext cx="181732" cy="203042"/>
          </a:xfrm>
          <a:prstGeom prst="ellipse">
            <a:avLst/>
          </a:prstGeom>
          <a:solidFill>
            <a:schemeClr val="accent1"/>
          </a:solidFill>
          <a:ln w="57150">
            <a:noFill/>
          </a:ln>
        </p:spPr>
        <p:txBody>
          <a:bodyPr wrap="square" lIns="91440" tIns="91440" rIns="91440" bIns="82296" rtlCol="0" anchor="ctr">
            <a:noAutofit/>
          </a:bodyPr>
          <a:lstStyle/>
          <a:p>
            <a:pPr algn="ctr" defTabSz="685800">
              <a:lnSpc>
                <a:spcPct val="90000"/>
              </a:lnSpc>
              <a:spcAft>
                <a:spcPts val="700"/>
              </a:spcAft>
              <a:defRPr/>
            </a:pPr>
            <a:r>
              <a:rPr lang="en-US" sz="900" b="1" dirty="0">
                <a:solidFill>
                  <a:srgbClr val="FFFFFF"/>
                </a:solidFill>
                <a:latin typeface="Consolas" panose="020B0609020204030204" pitchFamily="49" charset="0"/>
              </a:rPr>
              <a:t>5</a:t>
            </a:r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F4CD402B-CFDC-03EE-7D74-2E4F2E6D1B51}"/>
              </a:ext>
            </a:extLst>
          </p:cNvPr>
          <p:cNvSpPr/>
          <p:nvPr/>
        </p:nvSpPr>
        <p:spPr>
          <a:xfrm>
            <a:off x="4662621" y="1583550"/>
            <a:ext cx="482600" cy="482600"/>
          </a:xfrm>
          <a:custGeom>
            <a:avLst/>
            <a:gdLst>
              <a:gd name="connsiteX0" fmla="*/ 241300 w 482600"/>
              <a:gd name="connsiteY0" fmla="*/ 0 h 482600"/>
              <a:gd name="connsiteX1" fmla="*/ 0 w 482600"/>
              <a:gd name="connsiteY1" fmla="*/ 241300 h 482600"/>
              <a:gd name="connsiteX2" fmla="*/ 241300 w 482600"/>
              <a:gd name="connsiteY2" fmla="*/ 482600 h 482600"/>
              <a:gd name="connsiteX3" fmla="*/ 482600 w 482600"/>
              <a:gd name="connsiteY3" fmla="*/ 241300 h 482600"/>
              <a:gd name="connsiteX4" fmla="*/ 241300 w 482600"/>
              <a:gd name="connsiteY4" fmla="*/ 0 h 482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82600" h="482600">
                <a:moveTo>
                  <a:pt x="241300" y="0"/>
                </a:moveTo>
                <a:cubicBezTo>
                  <a:pt x="108049" y="0"/>
                  <a:pt x="0" y="108049"/>
                  <a:pt x="0" y="241300"/>
                </a:cubicBezTo>
                <a:cubicBezTo>
                  <a:pt x="0" y="374551"/>
                  <a:pt x="108049" y="482600"/>
                  <a:pt x="241300" y="482600"/>
                </a:cubicBezTo>
                <a:cubicBezTo>
                  <a:pt x="374551" y="482600"/>
                  <a:pt x="482600" y="374551"/>
                  <a:pt x="482600" y="241300"/>
                </a:cubicBezTo>
                <a:cubicBezTo>
                  <a:pt x="482600" y="108049"/>
                  <a:pt x="374551" y="0"/>
                  <a:pt x="241300" y="0"/>
                </a:cubicBezTo>
              </a:path>
            </a:pathLst>
          </a:custGeom>
          <a:solidFill>
            <a:schemeClr val="bg1"/>
          </a:solidFill>
          <a:ln w="25400" cap="flat">
            <a:solidFill>
              <a:schemeClr val="bg1"/>
            </a:solidFill>
            <a:prstDash val="solid"/>
            <a:miter/>
          </a:ln>
        </p:spPr>
        <p:txBody>
          <a:bodyPr rtlCol="0" anchor="ctr"/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6DEF8365-8A7C-7399-75A2-03AD6B7E7BC8}"/>
              </a:ext>
            </a:extLst>
          </p:cNvPr>
          <p:cNvSpPr/>
          <p:nvPr/>
        </p:nvSpPr>
        <p:spPr>
          <a:xfrm>
            <a:off x="5007329" y="1548983"/>
            <a:ext cx="181732" cy="181732"/>
          </a:xfrm>
          <a:prstGeom prst="ellipse">
            <a:avLst/>
          </a:prstGeom>
          <a:solidFill>
            <a:schemeClr val="accent1"/>
          </a:solidFill>
          <a:ln w="57150">
            <a:noFill/>
          </a:ln>
        </p:spPr>
        <p:txBody>
          <a:bodyPr wrap="square" lIns="91440" tIns="91440" rIns="91440" bIns="82296" rtlCol="0" anchor="ctr">
            <a:noAutofit/>
          </a:bodyPr>
          <a:lstStyle/>
          <a:p>
            <a:pPr algn="ctr" defTabSz="685800">
              <a:lnSpc>
                <a:spcPct val="90000"/>
              </a:lnSpc>
              <a:spcAft>
                <a:spcPts val="700"/>
              </a:spcAft>
              <a:defRPr/>
            </a:pPr>
            <a:r>
              <a:rPr lang="en-US" sz="900" b="1" dirty="0">
                <a:solidFill>
                  <a:srgbClr val="FFFFFF"/>
                </a:solidFill>
                <a:latin typeface="Consolas" panose="020B0609020204030204" pitchFamily="49" charset="0"/>
              </a:rPr>
              <a:t>2</a:t>
            </a:r>
          </a:p>
        </p:txBody>
      </p:sp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2F549D86-6511-BEF6-EB92-9BA0C099098C}"/>
              </a:ext>
            </a:extLst>
          </p:cNvPr>
          <p:cNvSpPr/>
          <p:nvPr/>
        </p:nvSpPr>
        <p:spPr>
          <a:xfrm>
            <a:off x="3248708" y="1583550"/>
            <a:ext cx="482600" cy="482600"/>
          </a:xfrm>
          <a:custGeom>
            <a:avLst/>
            <a:gdLst>
              <a:gd name="connsiteX0" fmla="*/ 241300 w 482600"/>
              <a:gd name="connsiteY0" fmla="*/ 0 h 482600"/>
              <a:gd name="connsiteX1" fmla="*/ 0 w 482600"/>
              <a:gd name="connsiteY1" fmla="*/ 241300 h 482600"/>
              <a:gd name="connsiteX2" fmla="*/ 241300 w 482600"/>
              <a:gd name="connsiteY2" fmla="*/ 482600 h 482600"/>
              <a:gd name="connsiteX3" fmla="*/ 482600 w 482600"/>
              <a:gd name="connsiteY3" fmla="*/ 241300 h 482600"/>
              <a:gd name="connsiteX4" fmla="*/ 241300 w 482600"/>
              <a:gd name="connsiteY4" fmla="*/ 0 h 482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82600" h="482600">
                <a:moveTo>
                  <a:pt x="241300" y="0"/>
                </a:moveTo>
                <a:cubicBezTo>
                  <a:pt x="108049" y="0"/>
                  <a:pt x="0" y="108049"/>
                  <a:pt x="0" y="241300"/>
                </a:cubicBezTo>
                <a:cubicBezTo>
                  <a:pt x="0" y="374551"/>
                  <a:pt x="108049" y="482600"/>
                  <a:pt x="241300" y="482600"/>
                </a:cubicBezTo>
                <a:cubicBezTo>
                  <a:pt x="374551" y="482600"/>
                  <a:pt x="482600" y="374551"/>
                  <a:pt x="482600" y="241300"/>
                </a:cubicBezTo>
                <a:cubicBezTo>
                  <a:pt x="482600" y="108049"/>
                  <a:pt x="374551" y="0"/>
                  <a:pt x="241300" y="0"/>
                </a:cubicBezTo>
              </a:path>
            </a:pathLst>
          </a:custGeom>
          <a:solidFill>
            <a:schemeClr val="bg1"/>
          </a:solidFill>
          <a:ln w="25400" cap="flat">
            <a:solidFill>
              <a:schemeClr val="bg1"/>
            </a:solidFill>
            <a:prstDash val="solid"/>
            <a:miter/>
          </a:ln>
        </p:spPr>
        <p:txBody>
          <a:bodyPr rtlCol="0" anchor="ctr"/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pic>
        <p:nvPicPr>
          <p:cNvPr id="97" name="Graphic 96">
            <a:extLst>
              <a:ext uri="{FF2B5EF4-FFF2-40B4-BE49-F238E27FC236}">
                <a16:creationId xmlns:a16="http://schemas.microsoft.com/office/drawing/2014/main" id="{E5EABCC5-076C-FB61-DDE5-1EA0692550CA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4762861" y="1646251"/>
            <a:ext cx="280076" cy="280076"/>
          </a:xfrm>
          <a:prstGeom prst="rect">
            <a:avLst/>
          </a:prstGeom>
        </p:spPr>
      </p:pic>
      <p:sp>
        <p:nvSpPr>
          <p:cNvPr id="40" name="Freeform: Shape 39">
            <a:extLst>
              <a:ext uri="{FF2B5EF4-FFF2-40B4-BE49-F238E27FC236}">
                <a16:creationId xmlns:a16="http://schemas.microsoft.com/office/drawing/2014/main" id="{A0FEC54A-10CA-80C8-AB37-135DA1C2A5E7}"/>
              </a:ext>
            </a:extLst>
          </p:cNvPr>
          <p:cNvSpPr/>
          <p:nvPr/>
        </p:nvSpPr>
        <p:spPr>
          <a:xfrm>
            <a:off x="7544737" y="1590726"/>
            <a:ext cx="482600" cy="482600"/>
          </a:xfrm>
          <a:custGeom>
            <a:avLst/>
            <a:gdLst>
              <a:gd name="connsiteX0" fmla="*/ 241300 w 482600"/>
              <a:gd name="connsiteY0" fmla="*/ 0 h 482600"/>
              <a:gd name="connsiteX1" fmla="*/ 0 w 482600"/>
              <a:gd name="connsiteY1" fmla="*/ 241300 h 482600"/>
              <a:gd name="connsiteX2" fmla="*/ 241300 w 482600"/>
              <a:gd name="connsiteY2" fmla="*/ 482600 h 482600"/>
              <a:gd name="connsiteX3" fmla="*/ 482600 w 482600"/>
              <a:gd name="connsiteY3" fmla="*/ 241300 h 482600"/>
              <a:gd name="connsiteX4" fmla="*/ 241300 w 482600"/>
              <a:gd name="connsiteY4" fmla="*/ 0 h 482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82600" h="482600">
                <a:moveTo>
                  <a:pt x="241300" y="0"/>
                </a:moveTo>
                <a:cubicBezTo>
                  <a:pt x="108049" y="0"/>
                  <a:pt x="0" y="108049"/>
                  <a:pt x="0" y="241300"/>
                </a:cubicBezTo>
                <a:cubicBezTo>
                  <a:pt x="0" y="374551"/>
                  <a:pt x="108049" y="482600"/>
                  <a:pt x="241300" y="482600"/>
                </a:cubicBezTo>
                <a:cubicBezTo>
                  <a:pt x="374551" y="482600"/>
                  <a:pt x="482600" y="374551"/>
                  <a:pt x="482600" y="241300"/>
                </a:cubicBezTo>
                <a:cubicBezTo>
                  <a:pt x="482600" y="108049"/>
                  <a:pt x="374551" y="0"/>
                  <a:pt x="241300" y="0"/>
                </a:cubicBezTo>
              </a:path>
            </a:pathLst>
          </a:custGeom>
          <a:solidFill>
            <a:schemeClr val="bg1"/>
          </a:solidFill>
          <a:ln w="25400" cap="flat">
            <a:solidFill>
              <a:schemeClr val="bg1"/>
            </a:solidFill>
            <a:prstDash val="solid"/>
            <a:miter/>
          </a:ln>
        </p:spPr>
        <p:txBody>
          <a:bodyPr rtlCol="0" anchor="ctr"/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sp>
        <p:nvSpPr>
          <p:cNvPr id="42" name="Oval 41">
            <a:extLst>
              <a:ext uri="{FF2B5EF4-FFF2-40B4-BE49-F238E27FC236}">
                <a16:creationId xmlns:a16="http://schemas.microsoft.com/office/drawing/2014/main" id="{2298ECD6-074B-36EA-2656-ADBFE6DE8536}"/>
              </a:ext>
            </a:extLst>
          </p:cNvPr>
          <p:cNvSpPr/>
          <p:nvPr/>
        </p:nvSpPr>
        <p:spPr>
          <a:xfrm>
            <a:off x="7937192" y="1548983"/>
            <a:ext cx="181732" cy="181732"/>
          </a:xfrm>
          <a:prstGeom prst="ellipse">
            <a:avLst/>
          </a:prstGeom>
          <a:solidFill>
            <a:schemeClr val="accent1"/>
          </a:solidFill>
          <a:ln w="57150">
            <a:noFill/>
          </a:ln>
        </p:spPr>
        <p:txBody>
          <a:bodyPr wrap="square" lIns="91440" tIns="91440" rIns="91440" bIns="82296" rtlCol="0" anchor="ctr">
            <a:noAutofit/>
          </a:bodyPr>
          <a:lstStyle/>
          <a:p>
            <a:pPr algn="ctr" defTabSz="685800">
              <a:lnSpc>
                <a:spcPct val="90000"/>
              </a:lnSpc>
              <a:spcAft>
                <a:spcPts val="700"/>
              </a:spcAft>
              <a:defRPr/>
            </a:pPr>
            <a:r>
              <a:rPr lang="en-US" sz="900" b="1" dirty="0">
                <a:solidFill>
                  <a:srgbClr val="FFFFFF"/>
                </a:solidFill>
                <a:latin typeface="Consolas" panose="020B0609020204030204" pitchFamily="49" charset="0"/>
              </a:rPr>
              <a:t>4</a:t>
            </a:r>
          </a:p>
        </p:txBody>
      </p:sp>
      <p:sp>
        <p:nvSpPr>
          <p:cNvPr id="60" name="Freeform: Shape 59">
            <a:extLst>
              <a:ext uri="{FF2B5EF4-FFF2-40B4-BE49-F238E27FC236}">
                <a16:creationId xmlns:a16="http://schemas.microsoft.com/office/drawing/2014/main" id="{6471C1BF-51E3-834B-8F29-47A01AF4202A}"/>
              </a:ext>
            </a:extLst>
          </p:cNvPr>
          <p:cNvSpPr/>
          <p:nvPr/>
        </p:nvSpPr>
        <p:spPr>
          <a:xfrm>
            <a:off x="5950765" y="1583550"/>
            <a:ext cx="482600" cy="482600"/>
          </a:xfrm>
          <a:custGeom>
            <a:avLst/>
            <a:gdLst>
              <a:gd name="connsiteX0" fmla="*/ 241300 w 482600"/>
              <a:gd name="connsiteY0" fmla="*/ 0 h 482600"/>
              <a:gd name="connsiteX1" fmla="*/ 0 w 482600"/>
              <a:gd name="connsiteY1" fmla="*/ 241300 h 482600"/>
              <a:gd name="connsiteX2" fmla="*/ 241300 w 482600"/>
              <a:gd name="connsiteY2" fmla="*/ 482600 h 482600"/>
              <a:gd name="connsiteX3" fmla="*/ 482600 w 482600"/>
              <a:gd name="connsiteY3" fmla="*/ 241300 h 482600"/>
              <a:gd name="connsiteX4" fmla="*/ 241300 w 482600"/>
              <a:gd name="connsiteY4" fmla="*/ 0 h 482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82600" h="482600">
                <a:moveTo>
                  <a:pt x="241300" y="0"/>
                </a:moveTo>
                <a:cubicBezTo>
                  <a:pt x="108049" y="0"/>
                  <a:pt x="0" y="108049"/>
                  <a:pt x="0" y="241300"/>
                </a:cubicBezTo>
                <a:cubicBezTo>
                  <a:pt x="0" y="374551"/>
                  <a:pt x="108049" y="482600"/>
                  <a:pt x="241300" y="482600"/>
                </a:cubicBezTo>
                <a:cubicBezTo>
                  <a:pt x="374551" y="482600"/>
                  <a:pt x="482600" y="374551"/>
                  <a:pt x="482600" y="241300"/>
                </a:cubicBezTo>
                <a:cubicBezTo>
                  <a:pt x="482600" y="108049"/>
                  <a:pt x="374551" y="0"/>
                  <a:pt x="241300" y="0"/>
                </a:cubicBezTo>
              </a:path>
            </a:pathLst>
          </a:custGeom>
          <a:solidFill>
            <a:schemeClr val="bg1"/>
          </a:solidFill>
          <a:ln w="25400" cap="flat">
            <a:solidFill>
              <a:schemeClr val="bg1"/>
            </a:solidFill>
            <a:prstDash val="solid"/>
            <a:miter/>
          </a:ln>
        </p:spPr>
        <p:txBody>
          <a:bodyPr rtlCol="0" anchor="ctr"/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sp>
        <p:nvSpPr>
          <p:cNvPr id="61" name="Oval 60">
            <a:extLst>
              <a:ext uri="{FF2B5EF4-FFF2-40B4-BE49-F238E27FC236}">
                <a16:creationId xmlns:a16="http://schemas.microsoft.com/office/drawing/2014/main" id="{1326563D-BB3C-BF38-E3A8-5B586EDF27FF}"/>
              </a:ext>
            </a:extLst>
          </p:cNvPr>
          <p:cNvSpPr/>
          <p:nvPr/>
        </p:nvSpPr>
        <p:spPr>
          <a:xfrm>
            <a:off x="6332118" y="1548983"/>
            <a:ext cx="181732" cy="181732"/>
          </a:xfrm>
          <a:prstGeom prst="ellipse">
            <a:avLst/>
          </a:prstGeom>
          <a:solidFill>
            <a:schemeClr val="accent1"/>
          </a:solidFill>
          <a:ln w="57150">
            <a:noFill/>
          </a:ln>
        </p:spPr>
        <p:txBody>
          <a:bodyPr wrap="square" lIns="91440" tIns="91440" rIns="91440" bIns="82296" rtlCol="0" anchor="ctr">
            <a:noAutofit/>
          </a:bodyPr>
          <a:lstStyle/>
          <a:p>
            <a:pPr algn="ctr" defTabSz="685800">
              <a:lnSpc>
                <a:spcPct val="90000"/>
              </a:lnSpc>
              <a:spcAft>
                <a:spcPts val="700"/>
              </a:spcAft>
              <a:defRPr/>
            </a:pPr>
            <a:r>
              <a:rPr lang="en-US" sz="900" b="1" dirty="0">
                <a:solidFill>
                  <a:srgbClr val="FFFFFF"/>
                </a:solidFill>
                <a:latin typeface="Consolas" panose="020B0609020204030204" pitchFamily="49" charset="0"/>
              </a:rPr>
              <a:t>3</a:t>
            </a: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6EB3BFE-36AE-A3D3-6B21-DC0429E2F16B}"/>
              </a:ext>
            </a:extLst>
          </p:cNvPr>
          <p:cNvSpPr/>
          <p:nvPr/>
        </p:nvSpPr>
        <p:spPr>
          <a:xfrm>
            <a:off x="3648387" y="1548983"/>
            <a:ext cx="181732" cy="181732"/>
          </a:xfrm>
          <a:prstGeom prst="ellipse">
            <a:avLst/>
          </a:prstGeom>
          <a:solidFill>
            <a:schemeClr val="accent1"/>
          </a:solidFill>
          <a:ln w="57150">
            <a:noFill/>
          </a:ln>
        </p:spPr>
        <p:txBody>
          <a:bodyPr wrap="square" lIns="91440" tIns="91440" rIns="91440" bIns="82296" rtlCol="0" anchor="ctr">
            <a:noAutofit/>
          </a:bodyPr>
          <a:lstStyle/>
          <a:p>
            <a:pPr algn="ctr" defTabSz="685800">
              <a:lnSpc>
                <a:spcPct val="90000"/>
              </a:lnSpc>
              <a:spcAft>
                <a:spcPts val="700"/>
              </a:spcAft>
              <a:defRPr/>
            </a:pPr>
            <a:r>
              <a:rPr lang="en-US" sz="900" b="1" dirty="0">
                <a:solidFill>
                  <a:srgbClr val="FFFFFF"/>
                </a:solidFill>
                <a:latin typeface="Consolas" panose="020B0609020204030204" pitchFamily="49" charset="0"/>
              </a:rPr>
              <a:t>1</a:t>
            </a:r>
          </a:p>
        </p:txBody>
      </p:sp>
      <p:sp>
        <p:nvSpPr>
          <p:cNvPr id="57" name="Freeform: Shape 56">
            <a:extLst>
              <a:ext uri="{FF2B5EF4-FFF2-40B4-BE49-F238E27FC236}">
                <a16:creationId xmlns:a16="http://schemas.microsoft.com/office/drawing/2014/main" id="{40C922D3-81DB-AB28-7FF0-035459E7F7B9}"/>
              </a:ext>
            </a:extLst>
          </p:cNvPr>
          <p:cNvSpPr/>
          <p:nvPr/>
        </p:nvSpPr>
        <p:spPr>
          <a:xfrm>
            <a:off x="5583544" y="3102542"/>
            <a:ext cx="526469" cy="554815"/>
          </a:xfrm>
          <a:custGeom>
            <a:avLst/>
            <a:gdLst>
              <a:gd name="connsiteX0" fmla="*/ 241300 w 482600"/>
              <a:gd name="connsiteY0" fmla="*/ 0 h 482600"/>
              <a:gd name="connsiteX1" fmla="*/ 0 w 482600"/>
              <a:gd name="connsiteY1" fmla="*/ 241300 h 482600"/>
              <a:gd name="connsiteX2" fmla="*/ 241300 w 482600"/>
              <a:gd name="connsiteY2" fmla="*/ 482600 h 482600"/>
              <a:gd name="connsiteX3" fmla="*/ 482600 w 482600"/>
              <a:gd name="connsiteY3" fmla="*/ 241300 h 482600"/>
              <a:gd name="connsiteX4" fmla="*/ 241300 w 482600"/>
              <a:gd name="connsiteY4" fmla="*/ 0 h 482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82600" h="482600">
                <a:moveTo>
                  <a:pt x="241300" y="0"/>
                </a:moveTo>
                <a:cubicBezTo>
                  <a:pt x="108049" y="0"/>
                  <a:pt x="0" y="108049"/>
                  <a:pt x="0" y="241300"/>
                </a:cubicBezTo>
                <a:cubicBezTo>
                  <a:pt x="0" y="374551"/>
                  <a:pt x="108049" y="482600"/>
                  <a:pt x="241300" y="482600"/>
                </a:cubicBezTo>
                <a:cubicBezTo>
                  <a:pt x="374551" y="482600"/>
                  <a:pt x="482600" y="374551"/>
                  <a:pt x="482600" y="241300"/>
                </a:cubicBezTo>
                <a:cubicBezTo>
                  <a:pt x="482600" y="108049"/>
                  <a:pt x="374551" y="0"/>
                  <a:pt x="241300" y="0"/>
                </a:cubicBezTo>
              </a:path>
            </a:pathLst>
          </a:custGeom>
          <a:solidFill>
            <a:schemeClr val="bg1"/>
          </a:solidFill>
          <a:ln w="25400" cap="flat">
            <a:solidFill>
              <a:schemeClr val="bg1"/>
            </a:solidFill>
            <a:prstDash val="solid"/>
            <a:miter/>
          </a:ln>
        </p:spPr>
        <p:txBody>
          <a:bodyPr rtlCol="0" anchor="ctr"/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sp>
        <p:nvSpPr>
          <p:cNvPr id="58" name="Oval 57">
            <a:extLst>
              <a:ext uri="{FF2B5EF4-FFF2-40B4-BE49-F238E27FC236}">
                <a16:creationId xmlns:a16="http://schemas.microsoft.com/office/drawing/2014/main" id="{A9C4E38A-2DEE-E7FC-45AE-C15E495C5902}"/>
              </a:ext>
            </a:extLst>
          </p:cNvPr>
          <p:cNvSpPr/>
          <p:nvPr/>
        </p:nvSpPr>
        <p:spPr>
          <a:xfrm>
            <a:off x="5992284" y="3091339"/>
            <a:ext cx="181732" cy="203042"/>
          </a:xfrm>
          <a:prstGeom prst="ellipse">
            <a:avLst/>
          </a:prstGeom>
          <a:solidFill>
            <a:schemeClr val="accent1"/>
          </a:solidFill>
          <a:ln w="57150">
            <a:noFill/>
          </a:ln>
        </p:spPr>
        <p:txBody>
          <a:bodyPr wrap="square" lIns="91440" tIns="91440" rIns="91440" bIns="82296" rtlCol="0" anchor="ctr">
            <a:noAutofit/>
          </a:bodyPr>
          <a:lstStyle/>
          <a:p>
            <a:pPr algn="ctr" defTabSz="685800">
              <a:lnSpc>
                <a:spcPct val="90000"/>
              </a:lnSpc>
              <a:spcAft>
                <a:spcPts val="700"/>
              </a:spcAft>
              <a:defRPr/>
            </a:pPr>
            <a:r>
              <a:rPr lang="en-US" sz="900" b="1" dirty="0">
                <a:solidFill>
                  <a:srgbClr val="FFFFFF"/>
                </a:solidFill>
                <a:latin typeface="Consolas" panose="020B0609020204030204" pitchFamily="49" charset="0"/>
              </a:rPr>
              <a:t>6</a:t>
            </a:r>
          </a:p>
        </p:txBody>
      </p:sp>
      <p:sp>
        <p:nvSpPr>
          <p:cNvPr id="51" name="Freeform: Shape 50">
            <a:extLst>
              <a:ext uri="{FF2B5EF4-FFF2-40B4-BE49-F238E27FC236}">
                <a16:creationId xmlns:a16="http://schemas.microsoft.com/office/drawing/2014/main" id="{B416F54B-5C7C-C375-36FE-490D177F91CC}"/>
              </a:ext>
            </a:extLst>
          </p:cNvPr>
          <p:cNvSpPr/>
          <p:nvPr/>
        </p:nvSpPr>
        <p:spPr>
          <a:xfrm>
            <a:off x="3873878" y="3129029"/>
            <a:ext cx="482600" cy="539189"/>
          </a:xfrm>
          <a:custGeom>
            <a:avLst/>
            <a:gdLst>
              <a:gd name="connsiteX0" fmla="*/ 241300 w 482600"/>
              <a:gd name="connsiteY0" fmla="*/ 0 h 482600"/>
              <a:gd name="connsiteX1" fmla="*/ 0 w 482600"/>
              <a:gd name="connsiteY1" fmla="*/ 241300 h 482600"/>
              <a:gd name="connsiteX2" fmla="*/ 241300 w 482600"/>
              <a:gd name="connsiteY2" fmla="*/ 482600 h 482600"/>
              <a:gd name="connsiteX3" fmla="*/ 482600 w 482600"/>
              <a:gd name="connsiteY3" fmla="*/ 241300 h 482600"/>
              <a:gd name="connsiteX4" fmla="*/ 241300 w 482600"/>
              <a:gd name="connsiteY4" fmla="*/ 0 h 482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82600" h="482600">
                <a:moveTo>
                  <a:pt x="241300" y="0"/>
                </a:moveTo>
                <a:cubicBezTo>
                  <a:pt x="108049" y="0"/>
                  <a:pt x="0" y="108049"/>
                  <a:pt x="0" y="241300"/>
                </a:cubicBezTo>
                <a:cubicBezTo>
                  <a:pt x="0" y="374551"/>
                  <a:pt x="108049" y="482600"/>
                  <a:pt x="241300" y="482600"/>
                </a:cubicBezTo>
                <a:cubicBezTo>
                  <a:pt x="374551" y="482600"/>
                  <a:pt x="482600" y="374551"/>
                  <a:pt x="482600" y="241300"/>
                </a:cubicBezTo>
                <a:cubicBezTo>
                  <a:pt x="482600" y="108049"/>
                  <a:pt x="374551" y="0"/>
                  <a:pt x="241300" y="0"/>
                </a:cubicBezTo>
              </a:path>
            </a:pathLst>
          </a:custGeom>
          <a:solidFill>
            <a:schemeClr val="bg1"/>
          </a:solidFill>
          <a:ln w="25400" cap="flat">
            <a:solidFill>
              <a:schemeClr val="bg1"/>
            </a:solidFill>
            <a:prstDash val="solid"/>
            <a:miter/>
          </a:ln>
        </p:spPr>
        <p:txBody>
          <a:bodyPr rtlCol="0" anchor="ctr"/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sp>
        <p:nvSpPr>
          <p:cNvPr id="52" name="Oval 51">
            <a:extLst>
              <a:ext uri="{FF2B5EF4-FFF2-40B4-BE49-F238E27FC236}">
                <a16:creationId xmlns:a16="http://schemas.microsoft.com/office/drawing/2014/main" id="{F889725E-88F3-D7B3-663B-FC46D64985CD}"/>
              </a:ext>
            </a:extLst>
          </p:cNvPr>
          <p:cNvSpPr/>
          <p:nvPr/>
        </p:nvSpPr>
        <p:spPr>
          <a:xfrm>
            <a:off x="4221207" y="3102541"/>
            <a:ext cx="181732" cy="203042"/>
          </a:xfrm>
          <a:prstGeom prst="ellipse">
            <a:avLst/>
          </a:prstGeom>
          <a:solidFill>
            <a:schemeClr val="accent1"/>
          </a:solidFill>
          <a:ln w="57150">
            <a:noFill/>
          </a:ln>
        </p:spPr>
        <p:txBody>
          <a:bodyPr wrap="square" lIns="91440" tIns="91440" rIns="91440" bIns="82296" rtlCol="0" anchor="ctr">
            <a:noAutofit/>
          </a:bodyPr>
          <a:lstStyle/>
          <a:p>
            <a:pPr algn="ctr" defTabSz="685800">
              <a:lnSpc>
                <a:spcPct val="90000"/>
              </a:lnSpc>
              <a:spcAft>
                <a:spcPts val="700"/>
              </a:spcAft>
              <a:defRPr/>
            </a:pPr>
            <a:r>
              <a:rPr lang="en-US" sz="900" b="1" dirty="0">
                <a:solidFill>
                  <a:srgbClr val="FFFFFF"/>
                </a:solidFill>
                <a:latin typeface="Consolas" panose="020B0609020204030204" pitchFamily="49" charset="0"/>
              </a:rPr>
              <a:t>7</a:t>
            </a: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701598A1-E906-9ECD-DA19-EB3C93B664D1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960568" y="3186710"/>
            <a:ext cx="322313" cy="34010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0F2D61A0-6FAD-8A2E-F68E-7F681E474DA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681967" y="1637118"/>
            <a:ext cx="208502" cy="312754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9267C79A-70BF-481E-C7D5-8A13FD8D3BBD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678564" y="3226716"/>
            <a:ext cx="315346" cy="313176"/>
          </a:xfrm>
          <a:prstGeom prst="rect">
            <a:avLst/>
          </a:prstGeom>
        </p:spPr>
      </p:pic>
      <p:sp>
        <p:nvSpPr>
          <p:cNvPr id="4" name="Round Diagonal Corner Rectangle 3">
            <a:extLst>
              <a:ext uri="{FF2B5EF4-FFF2-40B4-BE49-F238E27FC236}">
                <a16:creationId xmlns:a16="http://schemas.microsoft.com/office/drawing/2014/main" id="{0567E263-1CF7-6685-8900-F91AB80812C9}"/>
              </a:ext>
            </a:extLst>
          </p:cNvPr>
          <p:cNvSpPr/>
          <p:nvPr/>
        </p:nvSpPr>
        <p:spPr>
          <a:xfrm>
            <a:off x="8113" y="1875872"/>
            <a:ext cx="2682433" cy="3368413"/>
          </a:xfrm>
          <a:prstGeom prst="round2DiagRect">
            <a:avLst>
              <a:gd name="adj1" fmla="val 13161"/>
              <a:gd name="adj2" fmla="val 0"/>
            </a:avLst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 defTabSz="685800">
              <a:defRPr/>
            </a:pPr>
            <a:endParaRPr lang="en-US" sz="1200" dirty="0" err="1">
              <a:solidFill>
                <a:srgbClr val="FFFFFF"/>
              </a:solidFill>
              <a:latin typeface="Verdana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0DB68D9C-0787-507E-DBB1-A35DA2B6B831}"/>
              </a:ext>
            </a:extLst>
          </p:cNvPr>
          <p:cNvSpPr txBox="1"/>
          <p:nvPr/>
        </p:nvSpPr>
        <p:spPr>
          <a:xfrm>
            <a:off x="182413" y="3894416"/>
            <a:ext cx="2376965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3" defTabSz="685800">
              <a:buFont typeface="Arial" panose="020B0604020202020204" pitchFamily="34" charset="0"/>
              <a:buChar char="​"/>
              <a:defRPr/>
            </a:pPr>
            <a:r>
              <a:rPr lang="en-US" sz="900" b="1" dirty="0">
                <a:solidFill>
                  <a:srgbClr val="FFFFFF"/>
                </a:solidFill>
                <a:latin typeface="Verdana"/>
              </a:rPr>
              <a:t>Mary, who is pre-diabetic, was notified about a new benefit through her employer – </a:t>
            </a:r>
            <a:r>
              <a:rPr lang="en-US" sz="900" b="1" dirty="0" err="1">
                <a:solidFill>
                  <a:srgbClr val="FFFFFF"/>
                </a:solidFill>
                <a:latin typeface="Verdana"/>
              </a:rPr>
              <a:t>EncircleRx</a:t>
            </a:r>
            <a:r>
              <a:rPr lang="en-US" sz="900" b="1" dirty="0">
                <a:solidFill>
                  <a:srgbClr val="FFFFFF"/>
                </a:solidFill>
                <a:latin typeface="Verdana"/>
              </a:rPr>
              <a:t> – that can help her get access to GLP-1 weight loss medications and lifestyle programs to help manage her obesity and related conditions. </a:t>
            </a:r>
            <a:endParaRPr lang="en-US" sz="900" strike="sngStrike" dirty="0">
              <a:solidFill>
                <a:srgbClr val="FFFFFF"/>
              </a:solidFill>
              <a:latin typeface="Verdana"/>
            </a:endParaRPr>
          </a:p>
        </p:txBody>
      </p:sp>
      <p:pic>
        <p:nvPicPr>
          <p:cNvPr id="7" name="Picture 6" descr="A person in glasses with her hand on her chin&#10;&#10;Description automatically generated">
            <a:extLst>
              <a:ext uri="{FF2B5EF4-FFF2-40B4-BE49-F238E27FC236}">
                <a16:creationId xmlns:a16="http://schemas.microsoft.com/office/drawing/2014/main" id="{61129FB4-2060-E627-9E50-ADCBA49F3A11}"/>
              </a:ext>
            </a:extLst>
          </p:cNvPr>
          <p:cNvPicPr>
            <a:picLocks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10772"/>
          <a:stretch/>
        </p:blipFill>
        <p:spPr>
          <a:xfrm flipH="1">
            <a:off x="678" y="1767786"/>
            <a:ext cx="2695194" cy="1933999"/>
          </a:xfrm>
          <a:prstGeom prst="rect">
            <a:avLst/>
          </a:prstGeom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7482B7D7-5E6D-9F55-F0CA-8042FF88238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415965" y="1615387"/>
            <a:ext cx="208502" cy="312754"/>
          </a:xfrm>
          <a:prstGeom prst="rect">
            <a:avLst/>
          </a:prstGeom>
        </p:spPr>
      </p:pic>
      <p:sp>
        <p:nvSpPr>
          <p:cNvPr id="35" name="Freeform 600">
            <a:extLst>
              <a:ext uri="{FF2B5EF4-FFF2-40B4-BE49-F238E27FC236}">
                <a16:creationId xmlns:a16="http://schemas.microsoft.com/office/drawing/2014/main" id="{A5D92870-04A9-BC09-F435-1084F80B3F7A}"/>
              </a:ext>
            </a:extLst>
          </p:cNvPr>
          <p:cNvSpPr>
            <a:spLocks noEditPoints="1"/>
          </p:cNvSpPr>
          <p:nvPr/>
        </p:nvSpPr>
        <p:spPr bwMode="auto">
          <a:xfrm>
            <a:off x="6083150" y="1731719"/>
            <a:ext cx="258304" cy="171218"/>
          </a:xfrm>
          <a:custGeom>
            <a:avLst/>
            <a:gdLst>
              <a:gd name="T0" fmla="*/ 463 w 477"/>
              <a:gd name="T1" fmla="*/ 0 h 316"/>
              <a:gd name="T2" fmla="*/ 331 w 477"/>
              <a:gd name="T3" fmla="*/ 0 h 316"/>
              <a:gd name="T4" fmla="*/ 318 w 477"/>
              <a:gd name="T5" fmla="*/ 13 h 316"/>
              <a:gd name="T6" fmla="*/ 318 w 477"/>
              <a:gd name="T7" fmla="*/ 26 h 316"/>
              <a:gd name="T8" fmla="*/ 305 w 477"/>
              <a:gd name="T9" fmla="*/ 39 h 316"/>
              <a:gd name="T10" fmla="*/ 292 w 477"/>
              <a:gd name="T11" fmla="*/ 26 h 316"/>
              <a:gd name="T12" fmla="*/ 292 w 477"/>
              <a:gd name="T13" fmla="*/ 13 h 316"/>
              <a:gd name="T14" fmla="*/ 279 w 477"/>
              <a:gd name="T15" fmla="*/ 0 h 316"/>
              <a:gd name="T16" fmla="*/ 163 w 477"/>
              <a:gd name="T17" fmla="*/ 0 h 316"/>
              <a:gd name="T18" fmla="*/ 2 w 477"/>
              <a:gd name="T19" fmla="*/ 152 h 316"/>
              <a:gd name="T20" fmla="*/ 46 w 477"/>
              <a:gd name="T21" fmla="*/ 268 h 316"/>
              <a:gd name="T22" fmla="*/ 160 w 477"/>
              <a:gd name="T23" fmla="*/ 316 h 316"/>
              <a:gd name="T24" fmla="*/ 318 w 477"/>
              <a:gd name="T25" fmla="*/ 158 h 316"/>
              <a:gd name="T26" fmla="*/ 318 w 477"/>
              <a:gd name="T27" fmla="*/ 150 h 316"/>
              <a:gd name="T28" fmla="*/ 466 w 477"/>
              <a:gd name="T29" fmla="*/ 118 h 316"/>
              <a:gd name="T30" fmla="*/ 477 w 477"/>
              <a:gd name="T31" fmla="*/ 105 h 316"/>
              <a:gd name="T32" fmla="*/ 477 w 477"/>
              <a:gd name="T33" fmla="*/ 13 h 316"/>
              <a:gd name="T34" fmla="*/ 463 w 477"/>
              <a:gd name="T35" fmla="*/ 0 h 316"/>
              <a:gd name="T36" fmla="*/ 450 w 477"/>
              <a:gd name="T37" fmla="*/ 95 h 316"/>
              <a:gd name="T38" fmla="*/ 301 w 477"/>
              <a:gd name="T39" fmla="*/ 127 h 316"/>
              <a:gd name="T40" fmla="*/ 291 w 477"/>
              <a:gd name="T41" fmla="*/ 142 h 316"/>
              <a:gd name="T42" fmla="*/ 292 w 477"/>
              <a:gd name="T43" fmla="*/ 158 h 316"/>
              <a:gd name="T44" fmla="*/ 160 w 477"/>
              <a:gd name="T45" fmla="*/ 290 h 316"/>
              <a:gd name="T46" fmla="*/ 65 w 477"/>
              <a:gd name="T47" fmla="*/ 250 h 316"/>
              <a:gd name="T48" fmla="*/ 28 w 477"/>
              <a:gd name="T49" fmla="*/ 153 h 316"/>
              <a:gd name="T50" fmla="*/ 163 w 477"/>
              <a:gd name="T51" fmla="*/ 26 h 316"/>
              <a:gd name="T52" fmla="*/ 266 w 477"/>
              <a:gd name="T53" fmla="*/ 26 h 316"/>
              <a:gd name="T54" fmla="*/ 305 w 477"/>
              <a:gd name="T55" fmla="*/ 66 h 316"/>
              <a:gd name="T56" fmla="*/ 345 w 477"/>
              <a:gd name="T57" fmla="*/ 26 h 316"/>
              <a:gd name="T58" fmla="*/ 450 w 477"/>
              <a:gd name="T59" fmla="*/ 26 h 316"/>
              <a:gd name="T60" fmla="*/ 450 w 477"/>
              <a:gd name="T61" fmla="*/ 95 h 31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</a:cxnLst>
            <a:rect l="0" t="0" r="r" b="b"/>
            <a:pathLst>
              <a:path w="477" h="316">
                <a:moveTo>
                  <a:pt x="463" y="0"/>
                </a:moveTo>
                <a:cubicBezTo>
                  <a:pt x="331" y="0"/>
                  <a:pt x="331" y="0"/>
                  <a:pt x="331" y="0"/>
                </a:cubicBezTo>
                <a:cubicBezTo>
                  <a:pt x="324" y="0"/>
                  <a:pt x="318" y="6"/>
                  <a:pt x="318" y="13"/>
                </a:cubicBezTo>
                <a:cubicBezTo>
                  <a:pt x="318" y="26"/>
                  <a:pt x="318" y="26"/>
                  <a:pt x="318" y="26"/>
                </a:cubicBezTo>
                <a:cubicBezTo>
                  <a:pt x="318" y="33"/>
                  <a:pt x="312" y="39"/>
                  <a:pt x="305" y="39"/>
                </a:cubicBezTo>
                <a:cubicBezTo>
                  <a:pt x="298" y="39"/>
                  <a:pt x="292" y="33"/>
                  <a:pt x="292" y="26"/>
                </a:cubicBezTo>
                <a:cubicBezTo>
                  <a:pt x="292" y="13"/>
                  <a:pt x="292" y="13"/>
                  <a:pt x="292" y="13"/>
                </a:cubicBezTo>
                <a:cubicBezTo>
                  <a:pt x="292" y="6"/>
                  <a:pt x="286" y="0"/>
                  <a:pt x="279" y="0"/>
                </a:cubicBezTo>
                <a:cubicBezTo>
                  <a:pt x="163" y="0"/>
                  <a:pt x="163" y="0"/>
                  <a:pt x="163" y="0"/>
                </a:cubicBezTo>
                <a:cubicBezTo>
                  <a:pt x="77" y="0"/>
                  <a:pt x="5" y="68"/>
                  <a:pt x="2" y="152"/>
                </a:cubicBezTo>
                <a:cubicBezTo>
                  <a:pt x="0" y="196"/>
                  <a:pt x="16" y="237"/>
                  <a:pt x="46" y="268"/>
                </a:cubicBezTo>
                <a:cubicBezTo>
                  <a:pt x="76" y="299"/>
                  <a:pt x="117" y="316"/>
                  <a:pt x="160" y="316"/>
                </a:cubicBezTo>
                <a:cubicBezTo>
                  <a:pt x="247" y="316"/>
                  <a:pt x="318" y="245"/>
                  <a:pt x="318" y="158"/>
                </a:cubicBezTo>
                <a:cubicBezTo>
                  <a:pt x="318" y="155"/>
                  <a:pt x="318" y="153"/>
                  <a:pt x="318" y="150"/>
                </a:cubicBezTo>
                <a:cubicBezTo>
                  <a:pt x="466" y="118"/>
                  <a:pt x="466" y="118"/>
                  <a:pt x="466" y="118"/>
                </a:cubicBezTo>
                <a:cubicBezTo>
                  <a:pt x="472" y="117"/>
                  <a:pt x="477" y="111"/>
                  <a:pt x="477" y="105"/>
                </a:cubicBezTo>
                <a:cubicBezTo>
                  <a:pt x="477" y="13"/>
                  <a:pt x="477" y="13"/>
                  <a:pt x="477" y="13"/>
                </a:cubicBezTo>
                <a:cubicBezTo>
                  <a:pt x="477" y="6"/>
                  <a:pt x="471" y="0"/>
                  <a:pt x="463" y="0"/>
                </a:cubicBezTo>
                <a:close/>
                <a:moveTo>
                  <a:pt x="450" y="95"/>
                </a:moveTo>
                <a:cubicBezTo>
                  <a:pt x="301" y="127"/>
                  <a:pt x="301" y="127"/>
                  <a:pt x="301" y="127"/>
                </a:cubicBezTo>
                <a:cubicBezTo>
                  <a:pt x="294" y="128"/>
                  <a:pt x="290" y="135"/>
                  <a:pt x="291" y="142"/>
                </a:cubicBezTo>
                <a:cubicBezTo>
                  <a:pt x="292" y="147"/>
                  <a:pt x="292" y="153"/>
                  <a:pt x="292" y="158"/>
                </a:cubicBezTo>
                <a:cubicBezTo>
                  <a:pt x="292" y="231"/>
                  <a:pt x="233" y="290"/>
                  <a:pt x="160" y="290"/>
                </a:cubicBezTo>
                <a:cubicBezTo>
                  <a:pt x="124" y="290"/>
                  <a:pt x="90" y="276"/>
                  <a:pt x="65" y="250"/>
                </a:cubicBezTo>
                <a:cubicBezTo>
                  <a:pt x="40" y="224"/>
                  <a:pt x="27" y="189"/>
                  <a:pt x="28" y="153"/>
                </a:cubicBezTo>
                <a:cubicBezTo>
                  <a:pt x="31" y="83"/>
                  <a:pt x="91" y="26"/>
                  <a:pt x="163" y="26"/>
                </a:cubicBezTo>
                <a:cubicBezTo>
                  <a:pt x="266" y="26"/>
                  <a:pt x="266" y="26"/>
                  <a:pt x="266" y="26"/>
                </a:cubicBezTo>
                <a:cubicBezTo>
                  <a:pt x="266" y="48"/>
                  <a:pt x="283" y="66"/>
                  <a:pt x="305" y="66"/>
                </a:cubicBezTo>
                <a:cubicBezTo>
                  <a:pt x="327" y="66"/>
                  <a:pt x="345" y="48"/>
                  <a:pt x="345" y="26"/>
                </a:cubicBezTo>
                <a:cubicBezTo>
                  <a:pt x="450" y="26"/>
                  <a:pt x="450" y="26"/>
                  <a:pt x="450" y="26"/>
                </a:cubicBezTo>
                <a:lnTo>
                  <a:pt x="450" y="95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accent3"/>
            </a:solidFill>
            <a:round/>
            <a:headEnd/>
            <a:tailEnd/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defTabSz="685800">
              <a:defRPr/>
            </a:pPr>
            <a:endParaRPr lang="en-US" sz="1350">
              <a:solidFill>
                <a:srgbClr val="000000"/>
              </a:solidFill>
              <a:latin typeface="Arial"/>
            </a:endParaRPr>
          </a:p>
        </p:txBody>
      </p:sp>
      <p:sp>
        <p:nvSpPr>
          <p:cNvPr id="36" name="Freeform 393">
            <a:extLst>
              <a:ext uri="{FF2B5EF4-FFF2-40B4-BE49-F238E27FC236}">
                <a16:creationId xmlns:a16="http://schemas.microsoft.com/office/drawing/2014/main" id="{0980B0AA-595B-2945-AE84-011736A59C0F}"/>
              </a:ext>
            </a:extLst>
          </p:cNvPr>
          <p:cNvSpPr>
            <a:spLocks noEditPoints="1"/>
          </p:cNvSpPr>
          <p:nvPr/>
        </p:nvSpPr>
        <p:spPr bwMode="auto">
          <a:xfrm>
            <a:off x="7559323" y="3195256"/>
            <a:ext cx="205905" cy="279522"/>
          </a:xfrm>
          <a:custGeom>
            <a:avLst/>
            <a:gdLst>
              <a:gd name="T0" fmla="*/ 296 w 380"/>
              <a:gd name="T1" fmla="*/ 359 h 462"/>
              <a:gd name="T2" fmla="*/ 375 w 380"/>
              <a:gd name="T3" fmla="*/ 277 h 462"/>
              <a:gd name="T4" fmla="*/ 374 w 380"/>
              <a:gd name="T5" fmla="*/ 259 h 462"/>
              <a:gd name="T6" fmla="*/ 356 w 380"/>
              <a:gd name="T7" fmla="*/ 259 h 462"/>
              <a:gd name="T8" fmla="*/ 279 w 380"/>
              <a:gd name="T9" fmla="*/ 339 h 462"/>
              <a:gd name="T10" fmla="*/ 162 w 380"/>
              <a:gd name="T11" fmla="*/ 240 h 462"/>
              <a:gd name="T12" fmla="*/ 175 w 380"/>
              <a:gd name="T13" fmla="*/ 240 h 462"/>
              <a:gd name="T14" fmla="*/ 295 w 380"/>
              <a:gd name="T15" fmla="*/ 120 h 462"/>
              <a:gd name="T16" fmla="*/ 175 w 380"/>
              <a:gd name="T17" fmla="*/ 0 h 462"/>
              <a:gd name="T18" fmla="*/ 13 w 380"/>
              <a:gd name="T19" fmla="*/ 0 h 462"/>
              <a:gd name="T20" fmla="*/ 0 w 380"/>
              <a:gd name="T21" fmla="*/ 13 h 462"/>
              <a:gd name="T22" fmla="*/ 0 w 380"/>
              <a:gd name="T23" fmla="*/ 227 h 462"/>
              <a:gd name="T24" fmla="*/ 0 w 380"/>
              <a:gd name="T25" fmla="*/ 449 h 462"/>
              <a:gd name="T26" fmla="*/ 13 w 380"/>
              <a:gd name="T27" fmla="*/ 462 h 462"/>
              <a:gd name="T28" fmla="*/ 26 w 380"/>
              <a:gd name="T29" fmla="*/ 449 h 462"/>
              <a:gd name="T30" fmla="*/ 26 w 380"/>
              <a:gd name="T31" fmla="*/ 240 h 462"/>
              <a:gd name="T32" fmla="*/ 79 w 380"/>
              <a:gd name="T33" fmla="*/ 240 h 462"/>
              <a:gd name="T34" fmla="*/ 260 w 380"/>
              <a:gd name="T35" fmla="*/ 358 h 462"/>
              <a:gd name="T36" fmla="*/ 181 w 380"/>
              <a:gd name="T37" fmla="*/ 440 h 462"/>
              <a:gd name="T38" fmla="*/ 182 w 380"/>
              <a:gd name="T39" fmla="*/ 458 h 462"/>
              <a:gd name="T40" fmla="*/ 191 w 380"/>
              <a:gd name="T41" fmla="*/ 462 h 462"/>
              <a:gd name="T42" fmla="*/ 200 w 380"/>
              <a:gd name="T43" fmla="*/ 458 h 462"/>
              <a:gd name="T44" fmla="*/ 278 w 380"/>
              <a:gd name="T45" fmla="*/ 378 h 462"/>
              <a:gd name="T46" fmla="*/ 356 w 380"/>
              <a:gd name="T47" fmla="*/ 458 h 462"/>
              <a:gd name="T48" fmla="*/ 365 w 380"/>
              <a:gd name="T49" fmla="*/ 462 h 462"/>
              <a:gd name="T50" fmla="*/ 374 w 380"/>
              <a:gd name="T51" fmla="*/ 458 h 462"/>
              <a:gd name="T52" fmla="*/ 375 w 380"/>
              <a:gd name="T53" fmla="*/ 440 h 462"/>
              <a:gd name="T54" fmla="*/ 296 w 380"/>
              <a:gd name="T55" fmla="*/ 359 h 462"/>
              <a:gd name="T56" fmla="*/ 26 w 380"/>
              <a:gd name="T57" fmla="*/ 27 h 462"/>
              <a:gd name="T58" fmla="*/ 175 w 380"/>
              <a:gd name="T59" fmla="*/ 27 h 462"/>
              <a:gd name="T60" fmla="*/ 269 w 380"/>
              <a:gd name="T61" fmla="*/ 120 h 462"/>
              <a:gd name="T62" fmla="*/ 175 w 380"/>
              <a:gd name="T63" fmla="*/ 213 h 462"/>
              <a:gd name="T64" fmla="*/ 26 w 380"/>
              <a:gd name="T65" fmla="*/ 213 h 462"/>
              <a:gd name="T66" fmla="*/ 26 w 380"/>
              <a:gd name="T67" fmla="*/ 27 h 46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</a:cxnLst>
            <a:rect l="0" t="0" r="r" b="b"/>
            <a:pathLst>
              <a:path w="380" h="462">
                <a:moveTo>
                  <a:pt x="296" y="359"/>
                </a:moveTo>
                <a:cubicBezTo>
                  <a:pt x="375" y="277"/>
                  <a:pt x="375" y="277"/>
                  <a:pt x="375" y="277"/>
                </a:cubicBezTo>
                <a:cubicBezTo>
                  <a:pt x="380" y="272"/>
                  <a:pt x="380" y="264"/>
                  <a:pt x="374" y="259"/>
                </a:cubicBezTo>
                <a:cubicBezTo>
                  <a:pt x="369" y="254"/>
                  <a:pt x="361" y="254"/>
                  <a:pt x="356" y="259"/>
                </a:cubicBezTo>
                <a:cubicBezTo>
                  <a:pt x="279" y="339"/>
                  <a:pt x="279" y="339"/>
                  <a:pt x="279" y="339"/>
                </a:cubicBezTo>
                <a:cubicBezTo>
                  <a:pt x="259" y="317"/>
                  <a:pt x="214" y="270"/>
                  <a:pt x="162" y="240"/>
                </a:cubicBezTo>
                <a:cubicBezTo>
                  <a:pt x="175" y="240"/>
                  <a:pt x="175" y="240"/>
                  <a:pt x="175" y="240"/>
                </a:cubicBezTo>
                <a:cubicBezTo>
                  <a:pt x="241" y="240"/>
                  <a:pt x="295" y="186"/>
                  <a:pt x="295" y="120"/>
                </a:cubicBezTo>
                <a:cubicBezTo>
                  <a:pt x="295" y="54"/>
                  <a:pt x="241" y="0"/>
                  <a:pt x="175" y="0"/>
                </a:cubicBezTo>
                <a:cubicBezTo>
                  <a:pt x="13" y="0"/>
                  <a:pt x="13" y="0"/>
                  <a:pt x="13" y="0"/>
                </a:cubicBezTo>
                <a:cubicBezTo>
                  <a:pt x="6" y="0"/>
                  <a:pt x="0" y="6"/>
                  <a:pt x="0" y="13"/>
                </a:cubicBezTo>
                <a:cubicBezTo>
                  <a:pt x="0" y="227"/>
                  <a:pt x="0" y="227"/>
                  <a:pt x="0" y="227"/>
                </a:cubicBezTo>
                <a:cubicBezTo>
                  <a:pt x="0" y="449"/>
                  <a:pt x="0" y="449"/>
                  <a:pt x="0" y="449"/>
                </a:cubicBezTo>
                <a:cubicBezTo>
                  <a:pt x="0" y="456"/>
                  <a:pt x="6" y="462"/>
                  <a:pt x="13" y="462"/>
                </a:cubicBezTo>
                <a:cubicBezTo>
                  <a:pt x="20" y="462"/>
                  <a:pt x="26" y="456"/>
                  <a:pt x="26" y="449"/>
                </a:cubicBezTo>
                <a:cubicBezTo>
                  <a:pt x="26" y="240"/>
                  <a:pt x="26" y="240"/>
                  <a:pt x="26" y="240"/>
                </a:cubicBezTo>
                <a:cubicBezTo>
                  <a:pt x="79" y="240"/>
                  <a:pt x="79" y="240"/>
                  <a:pt x="79" y="240"/>
                </a:cubicBezTo>
                <a:cubicBezTo>
                  <a:pt x="149" y="240"/>
                  <a:pt x="234" y="329"/>
                  <a:pt x="260" y="358"/>
                </a:cubicBezTo>
                <a:cubicBezTo>
                  <a:pt x="181" y="440"/>
                  <a:pt x="181" y="440"/>
                  <a:pt x="181" y="440"/>
                </a:cubicBezTo>
                <a:cubicBezTo>
                  <a:pt x="176" y="445"/>
                  <a:pt x="177" y="453"/>
                  <a:pt x="182" y="458"/>
                </a:cubicBezTo>
                <a:cubicBezTo>
                  <a:pt x="184" y="461"/>
                  <a:pt x="188" y="462"/>
                  <a:pt x="191" y="462"/>
                </a:cubicBezTo>
                <a:cubicBezTo>
                  <a:pt x="194" y="462"/>
                  <a:pt x="198" y="461"/>
                  <a:pt x="200" y="458"/>
                </a:cubicBezTo>
                <a:cubicBezTo>
                  <a:pt x="278" y="378"/>
                  <a:pt x="278" y="378"/>
                  <a:pt x="278" y="378"/>
                </a:cubicBezTo>
                <a:cubicBezTo>
                  <a:pt x="356" y="458"/>
                  <a:pt x="356" y="458"/>
                  <a:pt x="356" y="458"/>
                </a:cubicBezTo>
                <a:cubicBezTo>
                  <a:pt x="358" y="461"/>
                  <a:pt x="362" y="462"/>
                  <a:pt x="365" y="462"/>
                </a:cubicBezTo>
                <a:cubicBezTo>
                  <a:pt x="369" y="462"/>
                  <a:pt x="372" y="461"/>
                  <a:pt x="374" y="458"/>
                </a:cubicBezTo>
                <a:cubicBezTo>
                  <a:pt x="380" y="453"/>
                  <a:pt x="380" y="445"/>
                  <a:pt x="375" y="440"/>
                </a:cubicBezTo>
                <a:lnTo>
                  <a:pt x="296" y="359"/>
                </a:lnTo>
                <a:close/>
                <a:moveTo>
                  <a:pt x="26" y="27"/>
                </a:moveTo>
                <a:cubicBezTo>
                  <a:pt x="175" y="27"/>
                  <a:pt x="175" y="27"/>
                  <a:pt x="175" y="27"/>
                </a:cubicBezTo>
                <a:cubicBezTo>
                  <a:pt x="227" y="27"/>
                  <a:pt x="269" y="69"/>
                  <a:pt x="269" y="120"/>
                </a:cubicBezTo>
                <a:cubicBezTo>
                  <a:pt x="269" y="172"/>
                  <a:pt x="227" y="213"/>
                  <a:pt x="175" y="213"/>
                </a:cubicBezTo>
                <a:cubicBezTo>
                  <a:pt x="26" y="213"/>
                  <a:pt x="26" y="213"/>
                  <a:pt x="26" y="213"/>
                </a:cubicBezTo>
                <a:lnTo>
                  <a:pt x="26" y="27"/>
                </a:lnTo>
                <a:close/>
              </a:path>
            </a:pathLst>
          </a:custGeom>
          <a:solidFill>
            <a:srgbClr val="FF4D00"/>
          </a:solidFill>
          <a:ln>
            <a:solidFill>
              <a:schemeClr val="accent3"/>
            </a:solidFill>
          </a:ln>
        </p:spPr>
        <p:txBody>
          <a:bodyPr vert="horz" wrap="square" lIns="68580" tIns="34290" rIns="68580" bIns="34290" numCol="1" anchor="t" anchorCtr="0" compatLnSpc="1">
            <a:prstTxWarp prst="textNoShape">
              <a:avLst/>
            </a:prstTxWarp>
          </a:bodyPr>
          <a:lstStyle/>
          <a:p>
            <a:pPr defTabSz="685800">
              <a:defRPr/>
            </a:pPr>
            <a:endParaRPr lang="en-US" sz="1350">
              <a:solidFill>
                <a:srgbClr val="000000"/>
              </a:solidFill>
              <a:latin typeface="Arial"/>
            </a:endParaRPr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EB19E301-01AE-80CC-7B3D-21D6BFA4859B}"/>
              </a:ext>
            </a:extLst>
          </p:cNvPr>
          <p:cNvSpPr/>
          <p:nvPr/>
        </p:nvSpPr>
        <p:spPr>
          <a:xfrm>
            <a:off x="4367444" y="4488253"/>
            <a:ext cx="482600" cy="482600"/>
          </a:xfrm>
          <a:custGeom>
            <a:avLst/>
            <a:gdLst>
              <a:gd name="connsiteX0" fmla="*/ 241300 w 482600"/>
              <a:gd name="connsiteY0" fmla="*/ 0 h 482600"/>
              <a:gd name="connsiteX1" fmla="*/ 0 w 482600"/>
              <a:gd name="connsiteY1" fmla="*/ 241300 h 482600"/>
              <a:gd name="connsiteX2" fmla="*/ 241300 w 482600"/>
              <a:gd name="connsiteY2" fmla="*/ 482600 h 482600"/>
              <a:gd name="connsiteX3" fmla="*/ 482600 w 482600"/>
              <a:gd name="connsiteY3" fmla="*/ 241300 h 482600"/>
              <a:gd name="connsiteX4" fmla="*/ 241300 w 482600"/>
              <a:gd name="connsiteY4" fmla="*/ 0 h 482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82600" h="482600">
                <a:moveTo>
                  <a:pt x="241300" y="0"/>
                </a:moveTo>
                <a:cubicBezTo>
                  <a:pt x="108049" y="0"/>
                  <a:pt x="0" y="108049"/>
                  <a:pt x="0" y="241300"/>
                </a:cubicBezTo>
                <a:cubicBezTo>
                  <a:pt x="0" y="374551"/>
                  <a:pt x="108049" y="482600"/>
                  <a:pt x="241300" y="482600"/>
                </a:cubicBezTo>
                <a:cubicBezTo>
                  <a:pt x="374551" y="482600"/>
                  <a:pt x="482600" y="374551"/>
                  <a:pt x="482600" y="241300"/>
                </a:cubicBezTo>
                <a:cubicBezTo>
                  <a:pt x="482600" y="108049"/>
                  <a:pt x="374551" y="0"/>
                  <a:pt x="241300" y="0"/>
                </a:cubicBezTo>
              </a:path>
            </a:pathLst>
          </a:custGeom>
          <a:solidFill>
            <a:schemeClr val="bg1"/>
          </a:solidFill>
          <a:ln w="25400" cap="flat">
            <a:solidFill>
              <a:schemeClr val="accent3"/>
            </a:solidFill>
            <a:prstDash val="solid"/>
            <a:miter/>
          </a:ln>
        </p:spPr>
        <p:txBody>
          <a:bodyPr rtlCol="0" anchor="ctr"/>
          <a:lstStyle/>
          <a:p>
            <a:pPr defTabSz="685800">
              <a:defRPr/>
            </a:pPr>
            <a:endParaRPr lang="en-US" sz="1350" dirty="0">
              <a:solidFill>
                <a:srgbClr val="000000"/>
              </a:solidFill>
              <a:latin typeface="Verdana"/>
            </a:endParaRPr>
          </a:p>
        </p:txBody>
      </p:sp>
      <p:pic>
        <p:nvPicPr>
          <p:cNvPr id="106" name="Graphic 105">
            <a:extLst>
              <a:ext uri="{FF2B5EF4-FFF2-40B4-BE49-F238E27FC236}">
                <a16:creationId xmlns:a16="http://schemas.microsoft.com/office/drawing/2014/main" id="{EA18CF46-11B5-899D-44AD-A1C3D590D9ED}"/>
              </a:ext>
            </a:extLst>
          </p:cNvPr>
          <p:cNvPicPr>
            <a:picLocks noChangeAspect="1"/>
          </p:cNvPicPr>
          <p:nvPr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4473651" y="4585672"/>
            <a:ext cx="298422" cy="244541"/>
          </a:xfrm>
          <a:prstGeom prst="rect">
            <a:avLst/>
          </a:prstGeom>
        </p:spPr>
      </p:pic>
      <p:sp>
        <p:nvSpPr>
          <p:cNvPr id="76" name="Oval 75">
            <a:extLst>
              <a:ext uri="{FF2B5EF4-FFF2-40B4-BE49-F238E27FC236}">
                <a16:creationId xmlns:a16="http://schemas.microsoft.com/office/drawing/2014/main" id="{12190E2F-8E23-467C-CAB9-F4DDDCB9EDF5}"/>
              </a:ext>
            </a:extLst>
          </p:cNvPr>
          <p:cNvSpPr/>
          <p:nvPr/>
        </p:nvSpPr>
        <p:spPr>
          <a:xfrm>
            <a:off x="4762476" y="4376852"/>
            <a:ext cx="181732" cy="181732"/>
          </a:xfrm>
          <a:prstGeom prst="ellipse">
            <a:avLst/>
          </a:prstGeom>
          <a:solidFill>
            <a:schemeClr val="accent3"/>
          </a:solidFill>
          <a:ln w="57150">
            <a:noFill/>
          </a:ln>
        </p:spPr>
        <p:txBody>
          <a:bodyPr wrap="square" lIns="91440" tIns="91440" rIns="91440" bIns="82296" rtlCol="0" anchor="ctr">
            <a:noAutofit/>
          </a:bodyPr>
          <a:lstStyle/>
          <a:p>
            <a:pPr algn="ctr" defTabSz="685800">
              <a:lnSpc>
                <a:spcPct val="90000"/>
              </a:lnSpc>
              <a:spcAft>
                <a:spcPts val="700"/>
              </a:spcAft>
              <a:defRPr/>
            </a:pPr>
            <a:r>
              <a:rPr lang="en-US" sz="900" b="1" dirty="0">
                <a:solidFill>
                  <a:srgbClr val="FFFFFF"/>
                </a:solidFill>
                <a:latin typeface="Consolas" panose="020B0609020204030204" pitchFamily="49" charset="0"/>
              </a:rPr>
              <a:t>8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3AE8EC61-1E4E-15F4-6AB4-A85152AAC523}"/>
              </a:ext>
            </a:extLst>
          </p:cNvPr>
          <p:cNvSpPr/>
          <p:nvPr/>
        </p:nvSpPr>
        <p:spPr>
          <a:xfrm>
            <a:off x="4858923" y="4662669"/>
            <a:ext cx="3831996" cy="466627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4000" tIns="27000" rIns="54000" bIns="27000" rtlCol="0" anchor="ctr"/>
          <a:lstStyle/>
          <a:p>
            <a:pPr algn="ctr" defTabSz="685800">
              <a:defRPr/>
            </a:pPr>
            <a:endParaRPr lang="en-US" sz="1200" dirty="0" err="1">
              <a:solidFill>
                <a:srgbClr val="FFFFFF"/>
              </a:solidFill>
              <a:latin typeface="Verdana"/>
            </a:endParaRPr>
          </a:p>
        </p:txBody>
      </p:sp>
      <p:sp>
        <p:nvSpPr>
          <p:cNvPr id="71" name="Rectangle 70">
            <a:extLst>
              <a:ext uri="{FF2B5EF4-FFF2-40B4-BE49-F238E27FC236}">
                <a16:creationId xmlns:a16="http://schemas.microsoft.com/office/drawing/2014/main" id="{90AE87B1-ECD1-036F-58D1-84D310516F9F}"/>
              </a:ext>
            </a:extLst>
          </p:cNvPr>
          <p:cNvSpPr/>
          <p:nvPr/>
        </p:nvSpPr>
        <p:spPr>
          <a:xfrm>
            <a:off x="4905648" y="4640932"/>
            <a:ext cx="3118886" cy="5078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685800">
              <a:spcBef>
                <a:spcPts val="450"/>
              </a:spcBef>
              <a:defRPr/>
            </a:pPr>
            <a:r>
              <a:rPr lang="en-US" sz="900" dirty="0">
                <a:solidFill>
                  <a:srgbClr val="110081"/>
                </a:solidFill>
                <a:latin typeface="Verdana"/>
              </a:rPr>
              <a:t>With the </a:t>
            </a:r>
            <a:r>
              <a:rPr lang="en-US" sz="900" b="1" dirty="0">
                <a:solidFill>
                  <a:srgbClr val="0033FF"/>
                </a:solidFill>
                <a:latin typeface="Verdana"/>
              </a:rPr>
              <a:t>tools to succeed </a:t>
            </a:r>
            <a:r>
              <a:rPr lang="en-US" sz="900" dirty="0">
                <a:solidFill>
                  <a:srgbClr val="110081"/>
                </a:solidFill>
                <a:latin typeface="Verdana"/>
              </a:rPr>
              <a:t>in hand, the customer can </a:t>
            </a:r>
            <a:r>
              <a:rPr lang="en-US" sz="900" b="1" dirty="0">
                <a:solidFill>
                  <a:srgbClr val="0033FF"/>
                </a:solidFill>
                <a:latin typeface="Verdana"/>
              </a:rPr>
              <a:t>discontinue the medication </a:t>
            </a:r>
            <a:r>
              <a:rPr lang="en-US" sz="900" dirty="0">
                <a:solidFill>
                  <a:srgbClr val="110081"/>
                </a:solidFill>
                <a:latin typeface="Verdana"/>
              </a:rPr>
              <a:t>at any time as directed by their provider and prescriber.  </a:t>
            </a:r>
          </a:p>
        </p:txBody>
      </p:sp>
      <p:sp>
        <p:nvSpPr>
          <p:cNvPr id="8" name="Footer Placeholder 40">
            <a:extLst>
              <a:ext uri="{FF2B5EF4-FFF2-40B4-BE49-F238E27FC236}">
                <a16:creationId xmlns:a16="http://schemas.microsoft.com/office/drawing/2014/main" id="{A344AF2B-1C68-B76B-25F8-1AFEEA650639}"/>
              </a:ext>
            </a:extLst>
          </p:cNvPr>
          <p:cNvSpPr txBox="1">
            <a:spLocks/>
          </p:cNvSpPr>
          <p:nvPr/>
        </p:nvSpPr>
        <p:spPr>
          <a:xfrm>
            <a:off x="2945450" y="5220883"/>
            <a:ext cx="6113999" cy="125653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0" b="0" i="0" kern="1200">
                <a:solidFill>
                  <a:schemeClr val="bg1">
                    <a:lumMod val="65000"/>
                  </a:schemeClr>
                </a:solidFill>
                <a:latin typeface="Arial Narrow" panose="020B0604020202020204" pitchFamily="34" charset="0"/>
                <a:ea typeface="+mn-ea"/>
                <a:cs typeface="Arial Narrow" panose="020B0604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>
              <a:defRPr/>
            </a:pPr>
            <a:r>
              <a:rPr lang="en-US" dirty="0">
                <a:solidFill>
                  <a:schemeClr val="tx1"/>
                </a:solidFill>
              </a:rPr>
              <a:t>GLP-1s have extra coverage requirements.</a:t>
            </a:r>
          </a:p>
          <a:p>
            <a:pPr algn="l">
              <a:defRPr/>
            </a:pPr>
            <a:r>
              <a:rPr lang="en-US" dirty="0">
                <a:solidFill>
                  <a:schemeClr val="tx1"/>
                </a:solidFill>
              </a:rPr>
              <a:t>If you choose to use a GLP-1 to help manage your weight, you'll need approval from Cigna Healthcare before your medication can be covered.</a:t>
            </a:r>
          </a:p>
          <a:p>
            <a:pPr algn="l">
              <a:defRPr/>
            </a:pPr>
            <a:r>
              <a:rPr lang="en-US" dirty="0">
                <a:solidFill>
                  <a:schemeClr val="tx1"/>
                </a:solidFill>
              </a:rPr>
              <a:t>To be approved, you must:</a:t>
            </a:r>
          </a:p>
          <a:p>
            <a:pPr algn="l">
              <a:defRPr/>
            </a:pPr>
            <a:r>
              <a:rPr lang="en-US" dirty="0">
                <a:solidFill>
                  <a:schemeClr val="tx1"/>
                </a:solidFill>
              </a:rPr>
              <a:t>1. Currently have, or had at the time you started using a GLP-1, a body mass index (BMI) of 32 or higher (or 27 or higher and have two weight-related health issues) and</a:t>
            </a:r>
          </a:p>
          <a:p>
            <a:pPr algn="l">
              <a:defRPr/>
            </a:pPr>
            <a:r>
              <a:rPr lang="en-US" dirty="0">
                <a:solidFill>
                  <a:schemeClr val="tx1"/>
                </a:solidFill>
              </a:rPr>
              <a:t>2. Have tried following a lower-calorie diet and/or participated in a lifestyle change program for at least 3 months and</a:t>
            </a:r>
          </a:p>
          <a:p>
            <a:pPr algn="l">
              <a:defRPr/>
            </a:pPr>
            <a:r>
              <a:rPr lang="en-US" dirty="0">
                <a:solidFill>
                  <a:schemeClr val="tx1"/>
                </a:solidFill>
              </a:rPr>
              <a:t>3. Join and participate </a:t>
            </a:r>
            <a:r>
              <a:rPr lang="en-US">
                <a:solidFill>
                  <a:schemeClr val="tx1"/>
                </a:solidFill>
              </a:rPr>
              <a:t>in Omada’s </a:t>
            </a:r>
            <a:r>
              <a:rPr lang="en-US" dirty="0">
                <a:solidFill>
                  <a:schemeClr val="tx1"/>
                </a:solidFill>
              </a:rPr>
              <a:t>online lifestyle change program, which is available at no extra cost to you.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2053A5FA-890F-BA68-AAF0-1A4C0A07A8F0}"/>
              </a:ext>
            </a:extLst>
          </p:cNvPr>
          <p:cNvSpPr/>
          <p:nvPr/>
        </p:nvSpPr>
        <p:spPr>
          <a:xfrm>
            <a:off x="6884228" y="3565612"/>
            <a:ext cx="1602836" cy="61170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685800">
              <a:defRPr/>
            </a:pPr>
            <a:r>
              <a:rPr lang="en-US" sz="675" dirty="0">
                <a:solidFill>
                  <a:srgbClr val="110081"/>
                </a:solidFill>
                <a:latin typeface="Verdana"/>
                <a:ea typeface="Calibri" panose="020F0502020204030204" pitchFamily="34" charset="0"/>
              </a:rPr>
              <a:t>Once enrolled in 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Omada lifestyle program and the PA is approved</a:t>
            </a:r>
            <a:r>
              <a:rPr lang="en-US" sz="675" dirty="0">
                <a:solidFill>
                  <a:srgbClr val="110081"/>
                </a:solidFill>
                <a:latin typeface="Verdana"/>
                <a:ea typeface="Calibri" panose="020F0502020204030204" pitchFamily="34" charset="0"/>
              </a:rPr>
              <a:t>, the first </a:t>
            </a:r>
            <a:r>
              <a:rPr lang="en-US" sz="675" b="1" dirty="0">
                <a:solidFill>
                  <a:srgbClr val="0033FF"/>
                </a:solidFill>
                <a:latin typeface="Verdana"/>
              </a:rPr>
              <a:t>prescription is received </a:t>
            </a:r>
            <a:r>
              <a:rPr lang="en-US" sz="675" dirty="0">
                <a:solidFill>
                  <a:srgbClr val="110081"/>
                </a:solidFill>
                <a:latin typeface="Verdana"/>
                <a:ea typeface="Calibri" panose="020F0502020204030204" pitchFamily="34" charset="0"/>
              </a:rPr>
              <a:t>and customer starts therapy. </a:t>
            </a:r>
            <a:endParaRPr lang="en-US" sz="1350" dirty="0">
              <a:solidFill>
                <a:srgbClr val="110081"/>
              </a:solidFill>
              <a:latin typeface="Verdana"/>
            </a:endParaRP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44E81701-9A26-C9C7-4055-A19605816F09}"/>
              </a:ext>
            </a:extLst>
          </p:cNvPr>
          <p:cNvSpPr/>
          <p:nvPr/>
        </p:nvSpPr>
        <p:spPr>
          <a:xfrm>
            <a:off x="5066718" y="3573049"/>
            <a:ext cx="1638186" cy="102720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685800">
              <a:defRPr/>
            </a:pPr>
            <a:r>
              <a:rPr lang="en-US" sz="675" dirty="0">
                <a:solidFill>
                  <a:srgbClr val="110081"/>
                </a:solidFill>
                <a:latin typeface="Verdana"/>
              </a:rPr>
              <a:t>Customer </a:t>
            </a:r>
            <a:r>
              <a:rPr lang="en-US" sz="675" b="1" dirty="0">
                <a:solidFill>
                  <a:srgbClr val="0033FF"/>
                </a:solidFill>
                <a:latin typeface="Verdana"/>
              </a:rPr>
              <a:t>engages in the Omada</a:t>
            </a:r>
            <a:r>
              <a:rPr lang="en-US" sz="675" b="1" dirty="0">
                <a:solidFill>
                  <a:srgbClr val="FF0000"/>
                </a:solidFill>
                <a:latin typeface="Verdana"/>
              </a:rPr>
              <a:t> </a:t>
            </a:r>
            <a:r>
              <a:rPr lang="en-US" sz="675" b="1" dirty="0">
                <a:solidFill>
                  <a:srgbClr val="0033FF"/>
                </a:solidFill>
                <a:latin typeface="Verdana"/>
              </a:rPr>
              <a:t>lifestyle program 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with weigh-ins 4x per month and engagement with the Omada app 4x per month with activities like recorded meals, engaging with community resources, completing a lesson, or setting/achieving a goal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1D5DEA29-F457-2B18-5674-FA4515196016}"/>
              </a:ext>
            </a:extLst>
          </p:cNvPr>
          <p:cNvSpPr/>
          <p:nvPr/>
        </p:nvSpPr>
        <p:spPr>
          <a:xfrm>
            <a:off x="3058521" y="3585499"/>
            <a:ext cx="1973999" cy="81945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685800">
              <a:defRPr/>
            </a:pPr>
            <a:r>
              <a:rPr lang="en-US" sz="675" dirty="0">
                <a:solidFill>
                  <a:srgbClr val="110081"/>
                </a:solidFill>
                <a:latin typeface="Verdana"/>
              </a:rPr>
              <a:t>Customer must </a:t>
            </a:r>
            <a:r>
              <a:rPr lang="en-US" sz="675" b="1" dirty="0">
                <a:solidFill>
                  <a:srgbClr val="0033FF"/>
                </a:solidFill>
                <a:latin typeface="Verdana"/>
              </a:rPr>
              <a:t>lose 5% of their body weight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 by their first medication PA renewal. If goal is achieved, PA is approved. As the </a:t>
            </a:r>
            <a:r>
              <a:rPr lang="en-US" sz="675" b="1" dirty="0">
                <a:solidFill>
                  <a:srgbClr val="0033FF"/>
                </a:solidFill>
                <a:latin typeface="Verdana"/>
              </a:rPr>
              <a:t>customer continues engagement </a:t>
            </a:r>
            <a:r>
              <a:rPr lang="en-US" sz="675" dirty="0">
                <a:solidFill>
                  <a:srgbClr val="110081"/>
                </a:solidFill>
                <a:latin typeface="Verdana"/>
              </a:rPr>
              <a:t>with Omada lifestyle program, refills of their GLP-1 are available at regular intervals.</a:t>
            </a:r>
          </a:p>
        </p:txBody>
      </p:sp>
      <p:sp>
        <p:nvSpPr>
          <p:cNvPr id="2" name="Slide Number Placeholder 2">
            <a:extLst>
              <a:ext uri="{FF2B5EF4-FFF2-40B4-BE49-F238E27FC236}">
                <a16:creationId xmlns:a16="http://schemas.microsoft.com/office/drawing/2014/main" id="{3188575C-99A7-D405-ACC3-B2EBD4083EE3}"/>
              </a:ext>
            </a:extLst>
          </p:cNvPr>
          <p:cNvSpPr txBox="1">
            <a:spLocks/>
          </p:cNvSpPr>
          <p:nvPr/>
        </p:nvSpPr>
        <p:spPr>
          <a:xfrm>
            <a:off x="8604899" y="6397512"/>
            <a:ext cx="269409" cy="18000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en-US" sz="1000" smtClean="0"/>
              <a:pPr/>
              <a:t>7</a:t>
            </a:fld>
            <a:endParaRPr lang="en-US" sz="1000" dirty="0"/>
          </a:p>
        </p:txBody>
      </p:sp>
      <p:sp>
        <p:nvSpPr>
          <p:cNvPr id="11" name="Footer Placeholder 40">
            <a:extLst>
              <a:ext uri="{FF2B5EF4-FFF2-40B4-BE49-F238E27FC236}">
                <a16:creationId xmlns:a16="http://schemas.microsoft.com/office/drawing/2014/main" id="{4F883A9D-A779-202E-3869-8480A7519C54}"/>
              </a:ext>
            </a:extLst>
          </p:cNvPr>
          <p:cNvSpPr txBox="1">
            <a:spLocks/>
          </p:cNvSpPr>
          <p:nvPr/>
        </p:nvSpPr>
        <p:spPr>
          <a:xfrm>
            <a:off x="84551" y="5352371"/>
            <a:ext cx="2735451" cy="648763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0" b="0" i="0" kern="1200">
                <a:solidFill>
                  <a:schemeClr val="bg1">
                    <a:lumMod val="65000"/>
                  </a:schemeClr>
                </a:solidFill>
                <a:latin typeface="Arial Narrow" panose="020B0604020202020204" pitchFamily="34" charset="0"/>
                <a:ea typeface="+mn-ea"/>
                <a:cs typeface="Arial Narrow" panose="020B0604020202020204" pitchFamily="34" charset="0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>
              <a:defRPr/>
            </a:pPr>
            <a:r>
              <a:rPr lang="en-US" sz="750" dirty="0">
                <a:solidFill>
                  <a:srgbClr val="FFFFFF">
                    <a:lumMod val="65000"/>
                  </a:srgbClr>
                </a:solidFill>
              </a:rPr>
              <a:t>*Note: if the customer is new to taking a GLP-1 for weight loss and not enrolled in the lifestyle modification program, Omada will reach out after the rejection at the pharmacy – this rejection is what prompts the enrollment outreach. Example/picture is for illustrative purposes only. Customer results will vary.</a:t>
            </a:r>
          </a:p>
          <a:p>
            <a:pPr algn="l">
              <a:defRPr/>
            </a:pPr>
            <a:endParaRPr lang="en-US" sz="750" dirty="0">
              <a:solidFill>
                <a:srgbClr val="FFFFFF">
                  <a:lumMod val="65000"/>
                </a:srgb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48211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NET" val="6.0.27"/>
  <p:tag name="AS_OS" val="Unix 6.5.0.1014"/>
  <p:tag name="AS_RELEASE_DATE" val="2023.08.14"/>
  <p:tag name="AS_TITLE" val="Aspose.Slides for .NET Standard 2.0"/>
  <p:tag name="AS_VERSION" val="23.8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Office Theme">
  <a:themeElements>
    <a:clrScheme name="Cigna Group">
      <a:dk1>
        <a:srgbClr val="000000"/>
      </a:dk1>
      <a:lt1>
        <a:srgbClr val="FFFFFF"/>
      </a:lt1>
      <a:dk2>
        <a:srgbClr val="110081"/>
      </a:dk2>
      <a:lt2>
        <a:srgbClr val="3EFFC0"/>
      </a:lt2>
      <a:accent1>
        <a:srgbClr val="110081"/>
      </a:accent1>
      <a:accent2>
        <a:srgbClr val="3EFFC0"/>
      </a:accent2>
      <a:accent3>
        <a:srgbClr val="0033FF"/>
      </a:accent3>
      <a:accent4>
        <a:srgbClr val="03CC54"/>
      </a:accent4>
      <a:accent5>
        <a:srgbClr val="F4F4F4"/>
      </a:accent5>
      <a:accent6>
        <a:srgbClr val="C0C0C0"/>
      </a:accent6>
      <a:hlink>
        <a:srgbClr val="004295"/>
      </a:hlink>
      <a:folHlink>
        <a:srgbClr val="009B7C"/>
      </a:folHlink>
    </a:clrScheme>
    <a:fontScheme name="Office">
      <a:majorFont>
        <a:latin typeface="Aptos Display" panose="02110004020202020204"/>
        <a:ea typeface="Aptos Display" panose="02110004020202020204"/>
        <a:cs typeface="Arial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Aptos" panose="02110004020202020204"/>
        <a:cs typeface="Arial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Presentation4" id="{8BB3B90F-1C1D-46B6-A5AF-A8A8DEE78D16}" vid="{A8D8BE3C-B1BD-4561-A2BC-527608CBC9EB}"/>
    </a:ext>
  </a:extLst>
</a:theme>
</file>

<file path=ppt/theme/theme2.xml><?xml version="1.0" encoding="utf-8"?>
<a:theme xmlns:a="http://schemas.openxmlformats.org/drawingml/2006/main" name="Find Template">
  <a:themeElements>
    <a:clrScheme name="Cigna Group">
      <a:dk1>
        <a:srgbClr val="000000"/>
      </a:dk1>
      <a:lt1>
        <a:srgbClr val="FFFFFF"/>
      </a:lt1>
      <a:dk2>
        <a:srgbClr val="110081"/>
      </a:dk2>
      <a:lt2>
        <a:srgbClr val="3EFFC0"/>
      </a:lt2>
      <a:accent1>
        <a:srgbClr val="110081"/>
      </a:accent1>
      <a:accent2>
        <a:srgbClr val="3EFFC0"/>
      </a:accent2>
      <a:accent3>
        <a:srgbClr val="0033FF"/>
      </a:accent3>
      <a:accent4>
        <a:srgbClr val="03CC54"/>
      </a:accent4>
      <a:accent5>
        <a:srgbClr val="F4F4F4"/>
      </a:accent5>
      <a:accent6>
        <a:srgbClr val="C0C0C0"/>
      </a:accent6>
      <a:hlink>
        <a:srgbClr val="004295"/>
      </a:hlink>
      <a:folHlink>
        <a:srgbClr val="009B7C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3.xml><?xml version="1.0" encoding="utf-8"?>
<a:theme xmlns:a="http://schemas.openxmlformats.org/drawingml/2006/main" name="Cigna Healthcare">
  <a:themeElements>
    <a:clrScheme name="Cigna Healthcare 2023">
      <a:dk1>
        <a:srgbClr val="000000"/>
      </a:dk1>
      <a:lt1>
        <a:srgbClr val="FFFFFF"/>
      </a:lt1>
      <a:dk2>
        <a:srgbClr val="0033FF"/>
      </a:dk2>
      <a:lt2>
        <a:srgbClr val="110081"/>
      </a:lt2>
      <a:accent1>
        <a:srgbClr val="0033FF"/>
      </a:accent1>
      <a:accent2>
        <a:srgbClr val="00874D"/>
      </a:accent2>
      <a:accent3>
        <a:srgbClr val="FF4D00"/>
      </a:accent3>
      <a:accent4>
        <a:srgbClr val="110081"/>
      </a:accent4>
      <a:accent5>
        <a:srgbClr val="03CC54"/>
      </a:accent5>
      <a:accent6>
        <a:srgbClr val="FAA163"/>
      </a:accent6>
      <a:hlink>
        <a:srgbClr val="0033FF"/>
      </a:hlink>
      <a:folHlink>
        <a:srgbClr val="A1F7A1"/>
      </a:folHlink>
    </a:clrScheme>
    <a:fontScheme name="Cigna Healthcare">
      <a:majorFont>
        <a:latin typeface="Georgi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Action Blue">
      <a:srgbClr val="0033FF"/>
    </a:custClr>
    <a:custClr name="Dark Leaf Green">
      <a:srgbClr val="00874D"/>
    </a:custClr>
    <a:custClr name="Dark Orange">
      <a:srgbClr val="FF4D00"/>
    </a:custClr>
    <a:custClr name="Navy">
      <a:srgbClr val="110081"/>
    </a:custClr>
    <a:custClr name="Leaf Green">
      <a:srgbClr val="03CC54"/>
    </a:custClr>
    <a:custClr name="Orange">
      <a:srgbClr val="FAA163"/>
    </a:custClr>
    <a:custClr name="Light Leaf Green">
      <a:srgbClr val="A1F7A1"/>
    </a:custClr>
    <a:custClr name="Light Orange">
      <a:srgbClr val="FAD6BD"/>
    </a:custClr>
    <a:custClr name="Cool Gray">
      <a:srgbClr val="F4F4F4"/>
    </a:custClr>
  </a:custClrLst>
  <a:extLst>
    <a:ext uri="{05A4C25C-085E-4340-85A3-A5531E510DB2}">
      <thm15:themeFamily xmlns:thm15="http://schemas.microsoft.com/office/thememl/2012/main" name="Evernorth.potx" id="{CF99AB89-BA1D-443F-B964-59F6B3F98DD3}" vid="{9B147206-36C6-4C9B-A1BE-3863A2B43C27}"/>
    </a:ext>
  </a:extLst>
</a:theme>
</file>

<file path=ppt/theme/theme4.xml><?xml version="1.0" encoding="utf-8"?>
<a:theme xmlns:a="http://schemas.openxmlformats.org/drawingml/2006/main" name="Cigna_B2B_Band_2015_Template_v1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 Classic 2">
      <a:majorFont>
        <a:latin typeface="Arial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</a:theme>
</file>

<file path=ppt/theme/theme5.xml><?xml version="1.0" encoding="utf-8"?>
<a:theme xmlns:a="http://schemas.openxmlformats.org/drawingml/2006/main" name="1_Cigna Healthcare">
  <a:themeElements>
    <a:clrScheme name="Cigna Healthcare 2023">
      <a:dk1>
        <a:srgbClr val="000000"/>
      </a:dk1>
      <a:lt1>
        <a:srgbClr val="FFFFFF"/>
      </a:lt1>
      <a:dk2>
        <a:srgbClr val="0033FF"/>
      </a:dk2>
      <a:lt2>
        <a:srgbClr val="110081"/>
      </a:lt2>
      <a:accent1>
        <a:srgbClr val="0033FF"/>
      </a:accent1>
      <a:accent2>
        <a:srgbClr val="00874D"/>
      </a:accent2>
      <a:accent3>
        <a:srgbClr val="FF4D00"/>
      </a:accent3>
      <a:accent4>
        <a:srgbClr val="110081"/>
      </a:accent4>
      <a:accent5>
        <a:srgbClr val="03CC54"/>
      </a:accent5>
      <a:accent6>
        <a:srgbClr val="FAA163"/>
      </a:accent6>
      <a:hlink>
        <a:srgbClr val="0033FF"/>
      </a:hlink>
      <a:folHlink>
        <a:srgbClr val="A1F7A1"/>
      </a:folHlink>
    </a:clrScheme>
    <a:fontScheme name="Cigna Healthcare">
      <a:majorFont>
        <a:latin typeface="Georgi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Action Blue">
      <a:srgbClr val="0033FF"/>
    </a:custClr>
    <a:custClr name="Dark Leaf Green">
      <a:srgbClr val="00874D"/>
    </a:custClr>
    <a:custClr name="Dark Orange">
      <a:srgbClr val="FF4D00"/>
    </a:custClr>
    <a:custClr name="Navy">
      <a:srgbClr val="110081"/>
    </a:custClr>
    <a:custClr name="Leaf Green">
      <a:srgbClr val="03CC54"/>
    </a:custClr>
    <a:custClr name="Orange">
      <a:srgbClr val="FAA163"/>
    </a:custClr>
    <a:custClr name="Light Leaf Green">
      <a:srgbClr val="A1F7A1"/>
    </a:custClr>
    <a:custClr name="Light Orange">
      <a:srgbClr val="FAD6BD"/>
    </a:custClr>
    <a:custClr name="Cool Gray">
      <a:srgbClr val="F4F4F4"/>
    </a:custClr>
  </a:custClrLst>
  <a:extLst>
    <a:ext uri="{05A4C25C-085E-4340-85A3-A5531E510DB2}">
      <thm15:themeFamily xmlns:thm15="http://schemas.microsoft.com/office/thememl/2012/main" name="Evernorth.potx" id="{CF99AB89-BA1D-443F-B964-59F6B3F98DD3}" vid="{9B147206-36C6-4C9B-A1BE-3863A2B43C27}"/>
    </a:ext>
  </a:extLst>
</a:theme>
</file>

<file path=ppt/theme/theme6.xml><?xml version="1.0" encoding="utf-8"?>
<a:theme xmlns:a="http://schemas.openxmlformats.org/drawingml/2006/main" name="2_Cigna Healthcare">
  <a:themeElements>
    <a:clrScheme name="Cigna Healthcare 2023">
      <a:dk1>
        <a:srgbClr val="000000"/>
      </a:dk1>
      <a:lt1>
        <a:srgbClr val="FFFFFF"/>
      </a:lt1>
      <a:dk2>
        <a:srgbClr val="0033FF"/>
      </a:dk2>
      <a:lt2>
        <a:srgbClr val="110081"/>
      </a:lt2>
      <a:accent1>
        <a:srgbClr val="0033FF"/>
      </a:accent1>
      <a:accent2>
        <a:srgbClr val="00874D"/>
      </a:accent2>
      <a:accent3>
        <a:srgbClr val="FF4D00"/>
      </a:accent3>
      <a:accent4>
        <a:srgbClr val="110081"/>
      </a:accent4>
      <a:accent5>
        <a:srgbClr val="03CC54"/>
      </a:accent5>
      <a:accent6>
        <a:srgbClr val="FAA163"/>
      </a:accent6>
      <a:hlink>
        <a:srgbClr val="0033FF"/>
      </a:hlink>
      <a:folHlink>
        <a:srgbClr val="A1F7A1"/>
      </a:folHlink>
    </a:clrScheme>
    <a:fontScheme name="Cigna Healthcare">
      <a:majorFont>
        <a:latin typeface="Georgi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tx2"/>
            </a:solidFill>
          </a:defRPr>
        </a:defPPr>
      </a:lstStyle>
    </a:txDef>
  </a:objectDefaults>
  <a:extraClrSchemeLst/>
  <a:custClrLst>
    <a:custClr name="Action Blue">
      <a:srgbClr val="0033FF"/>
    </a:custClr>
    <a:custClr name="Dark Leaf Green">
      <a:srgbClr val="00874D"/>
    </a:custClr>
    <a:custClr name="Dark Orange">
      <a:srgbClr val="FF4D00"/>
    </a:custClr>
    <a:custClr name="Navy">
      <a:srgbClr val="110081"/>
    </a:custClr>
    <a:custClr name="Leaf Green">
      <a:srgbClr val="03CC54"/>
    </a:custClr>
    <a:custClr name="Orange">
      <a:srgbClr val="FAA163"/>
    </a:custClr>
    <a:custClr name="Light Leaf Green">
      <a:srgbClr val="A1F7A1"/>
    </a:custClr>
    <a:custClr name="Light Orange">
      <a:srgbClr val="FAD6BD"/>
    </a:custClr>
    <a:custClr name="Cool Gray">
      <a:srgbClr val="F4F4F4"/>
    </a:custClr>
  </a:custClrLst>
  <a:extLst>
    <a:ext uri="{05A4C25C-085E-4340-85A3-A5531E510DB2}">
      <thm15:themeFamily xmlns:thm15="http://schemas.microsoft.com/office/thememl/2012/main" name="Evernorth.potx" id="{CF99AB89-BA1D-443F-B964-59F6B3F98DD3}" vid="{9B147206-36C6-4C9B-A1BE-3863A2B43C27}"/>
    </a:ext>
  </a:extLst>
</a:theme>
</file>

<file path=ppt/theme/theme7.xml><?xml version="1.0" encoding="utf-8"?>
<a:theme xmlns:a="http://schemas.openxmlformats.org/drawingml/2006/main" name="Office Theme">
  <a:themeElements>
    <a:clrScheme name="Cigna Group">
      <a:dk1>
        <a:srgbClr val="000000"/>
      </a:dk1>
      <a:lt1>
        <a:srgbClr val="FFFFFF"/>
      </a:lt1>
      <a:dk2>
        <a:srgbClr val="110081"/>
      </a:dk2>
      <a:lt2>
        <a:srgbClr val="3EFFC0"/>
      </a:lt2>
      <a:accent1>
        <a:srgbClr val="110081"/>
      </a:accent1>
      <a:accent2>
        <a:srgbClr val="3EFFC0"/>
      </a:accent2>
      <a:accent3>
        <a:srgbClr val="0033FF"/>
      </a:accent3>
      <a:accent4>
        <a:srgbClr val="03CC54"/>
      </a:accent4>
      <a:accent5>
        <a:srgbClr val="F4F4F4"/>
      </a:accent5>
      <a:accent6>
        <a:srgbClr val="C0C0C0"/>
      </a:accent6>
      <a:hlink>
        <a:srgbClr val="004295"/>
      </a:hlink>
      <a:folHlink>
        <a:srgbClr val="009B7C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8.xml><?xml version="1.0" encoding="utf-8"?>
<a:theme xmlns:a="http://schemas.openxmlformats.org/drawingml/2006/main" name="Office Theme">
  <a:themeElements>
    <a:clrScheme name="Cigna Group">
      <a:dk1>
        <a:srgbClr val="000000"/>
      </a:dk1>
      <a:lt1>
        <a:srgbClr val="FFFFFF"/>
      </a:lt1>
      <a:dk2>
        <a:srgbClr val="110081"/>
      </a:dk2>
      <a:lt2>
        <a:srgbClr val="3EFFC0"/>
      </a:lt2>
      <a:accent1>
        <a:srgbClr val="110081"/>
      </a:accent1>
      <a:accent2>
        <a:srgbClr val="3EFFC0"/>
      </a:accent2>
      <a:accent3>
        <a:srgbClr val="0033FF"/>
      </a:accent3>
      <a:accent4>
        <a:srgbClr val="03CC54"/>
      </a:accent4>
      <a:accent5>
        <a:srgbClr val="F4F4F4"/>
      </a:accent5>
      <a:accent6>
        <a:srgbClr val="C0C0C0"/>
      </a:accent6>
      <a:hlink>
        <a:srgbClr val="004295"/>
      </a:hlink>
      <a:folHlink>
        <a:srgbClr val="009B7C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Default Template_Guidance_@Copyright TCG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fe0e463f-46c1-4b5a-aeae-2e65b5901510" xsi:nil="true"/>
    <Picture xmlns="fe0e463f-46c1-4b5a-aeae-2e65b5901510">
      <Url xsi:nil="true"/>
      <Description xsi:nil="true"/>
    </Picture>
    <Documenttype xmlns="fe0e463f-46c1-4b5a-aeae-2e65b5901510" xsi:nil="true"/>
    <Hyperlink xmlns="fe0e463f-46c1-4b5a-aeae-2e65b5901510">
      <Url xsi:nil="true"/>
      <Description xsi:nil="true"/>
    </Hyperlink>
    <lcf76f155ced4ddcb4097134ff3c332f xmlns="fe0e463f-46c1-4b5a-aeae-2e65b5901510">
      <Terms xmlns="http://schemas.microsoft.com/office/infopath/2007/PartnerControls"/>
    </lcf76f155ced4ddcb4097134ff3c332f>
    <TaxCatchAll xmlns="adc6f7d2-2fd4-4c58-add3-50ea831b733c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26" ma:contentTypeDescription="Create a new document." ma:contentTypeScope="" ma:versionID="8fe5613b8a7679f320a69868f281bee5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c2e21b52a6d5ad0a84f8ad48f3e21748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Picture" minOccurs="0"/>
                <xsd:element ref="ns3:Hyperlink" minOccurs="0"/>
                <xsd:element ref="ns3:MediaServiceAutoKeyPoints" minOccurs="0"/>
                <xsd:element ref="ns3:MediaServiceKeyPoints" minOccurs="0"/>
                <xsd:element ref="ns3:_Flow_SignoffStatus" minOccurs="0"/>
                <xsd:element ref="ns3:MediaLengthInSeconds" minOccurs="0"/>
                <xsd:element ref="ns3:lcf76f155ced4ddcb4097134ff3c332f" minOccurs="0"/>
                <xsd:element ref="ns2:TaxCatchAll" minOccurs="0"/>
                <xsd:element ref="ns3:MediaServiceSearchProperties" minOccurs="0"/>
                <xsd:element ref="ns3:MediaServiceObjectDetectorVersions" minOccurs="0"/>
                <xsd:element ref="ns3:Documenttyp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TaxCatchAll" ma:index="26" nillable="true" ma:displayName="Taxonomy Catch All Column" ma:hidden="true" ma:list="{75e6fd2e-4630-419c-b64a-3467c503b8ee}" ma:internalName="TaxCatchAll" ma:showField="CatchAllData" ma:web="adc6f7d2-2fd4-4c58-add3-50ea831b733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Picture" ma:index="18" nillable="true" ma:displayName="Picture" ma:format="Image" ma:internalName="Pictur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yperlink" ma:index="19" nillable="true" ma:displayName="Hyperlink" ma:format="Hyperlink" ma:internalName="Hyper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Flow_SignoffStatus" ma:index="22" nillable="true" ma:displayName="Sign-off status" ma:internalName="Sign_x002d_off_x0020_status">
      <xsd:simpleType>
        <xsd:restriction base="dms:Text"/>
      </xsd:simpleType>
    </xsd:element>
    <xsd:element name="MediaLengthInSeconds" ma:index="23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882721a9-3f3d-4779-b4f8-53221ef4f4f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7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8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Documenttype" ma:index="29" nillable="true" ma:displayName="Document type" ma:format="Dropdown" ma:internalName="Documenttyp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1078152524216139777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0,"isValidatorEnabled":false,"isLocked":false,"elementsMetadata":[],"slideId":"638109277398318680","enableDocumentContentUpdater":true,"version":"1.12"}]]></TemplafySlideTemplateConfiguration>
</file>

<file path=customXml/itemProps1.xml><?xml version="1.0" encoding="utf-8"?>
<ds:datastoreItem xmlns:ds="http://schemas.openxmlformats.org/officeDocument/2006/customXml" ds:itemID="{EBE0F44D-65F6-4FA7-97ED-507ACC42AF23}">
  <ds:schemaRefs/>
</ds:datastoreItem>
</file>

<file path=customXml/itemProps2.xml><?xml version="1.0" encoding="utf-8"?>
<ds:datastoreItem xmlns:ds="http://schemas.openxmlformats.org/officeDocument/2006/customXml" ds:itemID="{ACEDB451-34F1-44FE-8804-08B7F7A057EC}">
  <ds:schemaRefs/>
</ds:datastoreItem>
</file>

<file path=customXml/itemProps3.xml><?xml version="1.0" encoding="utf-8"?>
<ds:datastoreItem xmlns:ds="http://schemas.openxmlformats.org/officeDocument/2006/customXml" ds:itemID="{BF75CA6B-2FF8-4753-B7E2-34FCFAED2BA7}">
  <ds:schemaRefs>
    <ds:schemaRef ds:uri="http://schemas.microsoft.com/office/infopath/2007/PartnerControls"/>
    <ds:schemaRef ds:uri="http://purl.org/dc/terms/"/>
    <ds:schemaRef ds:uri="http://purl.org/dc/dcmitype/"/>
    <ds:schemaRef ds:uri="http://schemas.microsoft.com/office/2006/metadata/properties"/>
    <ds:schemaRef ds:uri="http://schemas.openxmlformats.org/package/2006/metadata/core-properties"/>
    <ds:schemaRef ds:uri="http://purl.org/dc/elements/1.1/"/>
    <ds:schemaRef ds:uri="http://www.w3.org/XML/1998/namespace"/>
    <ds:schemaRef ds:uri="adc6f7d2-2fd4-4c58-add3-50ea831b733c"/>
    <ds:schemaRef ds:uri="http://schemas.microsoft.com/office/2006/documentManagement/types"/>
    <ds:schemaRef ds:uri="fe0e463f-46c1-4b5a-aeae-2e65b5901510"/>
  </ds:schemaRefs>
</ds:datastoreItem>
</file>

<file path=customXml/itemProps4.xml><?xml version="1.0" encoding="utf-8"?>
<ds:datastoreItem xmlns:ds="http://schemas.openxmlformats.org/officeDocument/2006/customXml" ds:itemID="{29C73E4C-B83A-4C99-B644-60533850ECB6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AD392112-3967-480D-B233-70547F3D601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B4844214-F757-4124-B6F2-E22BF7B9833B}">
  <ds:schemaRefs/>
</ds:datastoreItem>
</file>

<file path=customXml/itemProps7.xml><?xml version="1.0" encoding="utf-8"?>
<ds:datastoreItem xmlns:ds="http://schemas.openxmlformats.org/officeDocument/2006/customXml" ds:itemID="{9B133E7A-4E9E-43E8-9BC9-A46877B801F8}">
  <ds:schemaRefs/>
</ds:datastoreItem>
</file>

<file path=customXml/itemProps8.xml><?xml version="1.0" encoding="utf-8"?>
<ds:datastoreItem xmlns:ds="http://schemas.openxmlformats.org/officeDocument/2006/customXml" ds:itemID="{353F10AF-6CBE-4443-B89F-A8C991A5BFA0}">
  <ds:schemaRefs/>
</ds:datastoreItem>
</file>

<file path=customXml/itemProps9.xml><?xml version="1.0" encoding="utf-8"?>
<ds:datastoreItem xmlns:ds="http://schemas.openxmlformats.org/officeDocument/2006/customXml" ds:itemID="{C968E58B-DFB0-4671-9DD5-07A43A521E8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ffice Theme</Template>
  <TotalTime>124</TotalTime>
  <Words>746</Words>
  <Application>Microsoft Office PowerPoint</Application>
  <PresentationFormat>On-screen Show (4:3)</PresentationFormat>
  <Paragraphs>63</Paragraphs>
  <Slides>7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6</vt:i4>
      </vt:variant>
      <vt:variant>
        <vt:lpstr>Slide Titles</vt:lpstr>
      </vt:variant>
      <vt:variant>
        <vt:i4>7</vt:i4>
      </vt:variant>
    </vt:vector>
  </HeadingPairs>
  <TitlesOfParts>
    <vt:vector size="21" baseType="lpstr">
      <vt:lpstr>ＭＳ Ｐゴシック</vt:lpstr>
      <vt:lpstr>Aptos</vt:lpstr>
      <vt:lpstr>Arial</vt:lpstr>
      <vt:lpstr>Arial Narrow</vt:lpstr>
      <vt:lpstr>Calibri</vt:lpstr>
      <vt:lpstr>Consolas</vt:lpstr>
      <vt:lpstr>Georgia</vt:lpstr>
      <vt:lpstr>Verdana</vt:lpstr>
      <vt:lpstr>Office Theme</vt:lpstr>
      <vt:lpstr>Find Template</vt:lpstr>
      <vt:lpstr>Cigna Healthcare</vt:lpstr>
      <vt:lpstr>Cigna_B2B_Band_2015_Template_v1</vt:lpstr>
      <vt:lpstr>1_Cigna Healthcare</vt:lpstr>
      <vt:lpstr>2_Cigna Healthcare</vt:lpstr>
      <vt:lpstr>Drug UTILIZATION management</vt:lpstr>
      <vt:lpstr>PowerPoint Presentation</vt:lpstr>
      <vt:lpstr>PowerPoint Presentation</vt:lpstr>
      <vt:lpstr>PowerPoint Presentation</vt:lpstr>
      <vt:lpstr>EncircleRx  for Cigna Healthcare  Weight Management</vt:lpstr>
      <vt:lpstr>EncircleRx for Cigna Healthcare + Omada</vt:lpstr>
      <vt:lpstr>Here’s an example of how EncircleRx works 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Guminiak, Michael P</dc:creator>
  <cp:keywords/>
  <dc:description/>
  <cp:lastModifiedBy>Hendricks, Eric J</cp:lastModifiedBy>
  <cp:revision>3</cp:revision>
  <cp:lastPrinted>2025-03-04T14:57:58Z</cp:lastPrinted>
  <dcterms:created xsi:type="dcterms:W3CDTF">2024-12-24T14:08:35Z</dcterms:created>
  <dcterms:modified xsi:type="dcterms:W3CDTF">2025-03-04T15:30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E16A684F50F9644ADA7186C7FA154E4</vt:lpwstr>
  </property>
  <property fmtid="{D5CDD505-2E9C-101B-9397-08002B2CF9AE}" pid="3" name="Created by">
    <vt:lpwstr>omnidocs.com</vt:lpwstr>
  </property>
  <property fmtid="{D5CDD505-2E9C-101B-9397-08002B2CF9AE}" pid="4" name="TemplafyTimeStamp">
    <vt:lpwstr>2024-12-23T16:51:13</vt:lpwstr>
  </property>
  <property fmtid="{D5CDD505-2E9C-101B-9397-08002B2CF9AE}" pid="5" name="TemplafyTenantId">
    <vt:lpwstr>cigna</vt:lpwstr>
  </property>
  <property fmtid="{D5CDD505-2E9C-101B-9397-08002B2CF9AE}" pid="6" name="TemplafyTemplateId">
    <vt:lpwstr>1078152514926804998</vt:lpwstr>
  </property>
  <property fmtid="{D5CDD505-2E9C-101B-9397-08002B2CF9AE}" pid="7" name="TemplafyUserProfileId">
    <vt:lpwstr>1029778633275998234</vt:lpwstr>
  </property>
  <property fmtid="{D5CDD505-2E9C-101B-9397-08002B2CF9AE}" pid="8" name="TemplafyFromBlank">
    <vt:bool>true</vt:bool>
  </property>
</Properties>
</file>